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5表9～11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第15表9～11'!$A$1:$BC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09" uniqueCount="95">
  <si>
    <t>第１５表　保険給付状況（未就学児分 　再掲）－９</t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9" eb="21">
      <t>サイケイ</t>
    </rPh>
    <phoneticPr fontId="0"/>
  </si>
  <si>
    <t>第１５表　保険給付状況（未就学児分　再掲）－１０</t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t>第１５表　保険給付状況（未就学児分　再掲）－１１</t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t>第１６表　保険給付状況(老人保健対象者を除く全被保険者分)－５</t>
    <phoneticPr fontId="0"/>
  </si>
  <si>
    <t>（単位：円）</t>
  </si>
  <si>
    <t>保険者名</t>
  </si>
  <si>
    <t>療　　養　　の　　給　　付　　等</t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0"/>
  </si>
  <si>
    <t>療    養    費    等</t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0"/>
  </si>
  <si>
    <t>療  養  諸  費  費  用  額  負  担  区  分</t>
    <phoneticPr fontId="0"/>
  </si>
  <si>
    <t>そ　　の　　他　　の　　保　　険　　給　　付</t>
  </si>
  <si>
    <t>保 険 給 付 総 計
（Ａ）＋（Ｂ）</t>
    <phoneticPr fontId="0"/>
  </si>
  <si>
    <t>診      　　　療　　　      費</t>
  </si>
  <si>
    <t>調剤</t>
    <rPh sb="0" eb="1">
      <t>チョウ</t>
    </rPh>
    <rPh sb="1" eb="2">
      <t>ザイ</t>
    </rPh>
    <phoneticPr fontId="0"/>
  </si>
  <si>
    <t>食事療養・生活療養</t>
    <rPh sb="5" eb="7">
      <t>セイカツ</t>
    </rPh>
    <rPh sb="7" eb="9">
      <t>リョウヨウ</t>
    </rPh>
    <phoneticPr fontId="0"/>
  </si>
  <si>
    <t>訪問看護</t>
    <phoneticPr fontId="0"/>
  </si>
  <si>
    <t>合計</t>
    <phoneticPr fontId="0"/>
  </si>
  <si>
    <t xml:space="preserve">食事療養
生活療養
</t>
    <rPh sb="2" eb="4">
      <t>リョウヨウ</t>
    </rPh>
    <rPh sb="5" eb="7">
      <t>セイカツ</t>
    </rPh>
    <rPh sb="7" eb="9">
      <t>リョウヨウ</t>
    </rPh>
    <phoneticPr fontId="0"/>
  </si>
  <si>
    <t>療　養　費</t>
    <rPh sb="0" eb="1">
      <t>リョウ</t>
    </rPh>
    <rPh sb="2" eb="3">
      <t>オサム</t>
    </rPh>
    <rPh sb="4" eb="5">
      <t>ヒ</t>
    </rPh>
    <phoneticPr fontId="0"/>
  </si>
  <si>
    <t>移　送　費</t>
    <rPh sb="0" eb="1">
      <t>ウツリ</t>
    </rPh>
    <rPh sb="2" eb="3">
      <t>ソウ</t>
    </rPh>
    <rPh sb="4" eb="5">
      <t>ヒ</t>
    </rPh>
    <phoneticPr fontId="0"/>
  </si>
  <si>
    <t>高  額  療  養  費  (再掲)</t>
    <phoneticPr fontId="0"/>
  </si>
  <si>
    <t>入院</t>
    <phoneticPr fontId="0"/>
  </si>
  <si>
    <t>入院外</t>
    <phoneticPr fontId="0"/>
  </si>
  <si>
    <t>歯科</t>
    <phoneticPr fontId="0"/>
  </si>
  <si>
    <t>小計</t>
    <phoneticPr fontId="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0"/>
  </si>
  <si>
    <t>保険者負担分</t>
  </si>
  <si>
    <t>一部負担金</t>
    <phoneticPr fontId="0"/>
  </si>
  <si>
    <t>他法負担分</t>
    <phoneticPr fontId="0"/>
  </si>
  <si>
    <t>出産育児一時金</t>
    <rPh sb="4" eb="7">
      <t>イチジキン</t>
    </rPh>
    <phoneticPr fontId="0"/>
  </si>
  <si>
    <t>葬 祭 費</t>
    <rPh sb="4" eb="5">
      <t>ヒ</t>
    </rPh>
    <phoneticPr fontId="0"/>
  </si>
  <si>
    <t>その他</t>
  </si>
  <si>
    <t>合   計  (Ｂ)</t>
  </si>
  <si>
    <t>件　数</t>
  </si>
  <si>
    <t>日　数</t>
  </si>
  <si>
    <t>費 用 額 (円)</t>
  </si>
  <si>
    <t>処方箋枚数</t>
  </si>
  <si>
    <t>件 数</t>
  </si>
  <si>
    <t>件　数</t>
    <rPh sb="0" eb="1">
      <t>ケン</t>
    </rPh>
    <rPh sb="2" eb="3">
      <t>カズ</t>
    </rPh>
    <phoneticPr fontId="0"/>
  </si>
  <si>
    <t>件  数</t>
    <phoneticPr fontId="0"/>
  </si>
  <si>
    <t>費用額(円）</t>
  </si>
  <si>
    <t>件数</t>
    <rPh sb="0" eb="2">
      <t>ケンスウ</t>
    </rPh>
    <phoneticPr fontId="0"/>
  </si>
  <si>
    <t>費用額（円）</t>
    <rPh sb="0" eb="2">
      <t>ヒヨウ</t>
    </rPh>
    <rPh sb="2" eb="3">
      <t>ガク</t>
    </rPh>
    <rPh sb="4" eb="5">
      <t>エン</t>
    </rPh>
    <phoneticPr fontId="0"/>
  </si>
  <si>
    <t>費　用　額</t>
  </si>
  <si>
    <t xml:space="preserve"> 横浜市</t>
    <phoneticPr fontId="0"/>
  </si>
  <si>
    <t xml:space="preserve"> 横浜市</t>
    <phoneticPr fontId="0"/>
  </si>
  <si>
    <t xml:space="preserve"> 川崎市</t>
    <phoneticPr fontId="0"/>
  </si>
  <si>
    <t xml:space="preserve"> 川崎市</t>
    <phoneticPr fontId="0"/>
  </si>
  <si>
    <t xml:space="preserve"> 横須賀市</t>
    <phoneticPr fontId="0"/>
  </si>
  <si>
    <t xml:space="preserve"> 横須賀市</t>
    <phoneticPr fontId="0"/>
  </si>
  <si>
    <t xml:space="preserve"> 平塚市</t>
    <phoneticPr fontId="0"/>
  </si>
  <si>
    <t xml:space="preserve"> 鎌倉市</t>
    <phoneticPr fontId="0"/>
  </si>
  <si>
    <t xml:space="preserve"> 鎌倉市</t>
    <phoneticPr fontId="0"/>
  </si>
  <si>
    <t xml:space="preserve"> 藤沢市</t>
    <phoneticPr fontId="0"/>
  </si>
  <si>
    <t xml:space="preserve"> 藤沢市</t>
    <phoneticPr fontId="0"/>
  </si>
  <si>
    <t xml:space="preserve"> 小田原市</t>
    <phoneticPr fontId="0"/>
  </si>
  <si>
    <t xml:space="preserve"> 小田原市</t>
    <phoneticPr fontId="0"/>
  </si>
  <si>
    <t xml:space="preserve"> 茅ヶ崎市</t>
    <phoneticPr fontId="0"/>
  </si>
  <si>
    <t xml:space="preserve"> 茅ヶ崎市</t>
    <phoneticPr fontId="0"/>
  </si>
  <si>
    <t xml:space="preserve"> 逗子市</t>
    <phoneticPr fontId="0"/>
  </si>
  <si>
    <t xml:space="preserve"> 相模原市</t>
    <phoneticPr fontId="0"/>
  </si>
  <si>
    <t xml:space="preserve"> 三浦市</t>
    <phoneticPr fontId="0"/>
  </si>
  <si>
    <t xml:space="preserve"> 秦野市</t>
    <phoneticPr fontId="0"/>
  </si>
  <si>
    <t xml:space="preserve"> 厚木市</t>
    <phoneticPr fontId="0"/>
  </si>
  <si>
    <t xml:space="preserve"> 大和市</t>
    <phoneticPr fontId="0"/>
  </si>
  <si>
    <t xml:space="preserve"> 伊勢原市</t>
    <phoneticPr fontId="0"/>
  </si>
  <si>
    <t xml:space="preserve"> 海老名市</t>
    <phoneticPr fontId="0"/>
  </si>
  <si>
    <t xml:space="preserve"> 座間市</t>
    <phoneticPr fontId="0"/>
  </si>
  <si>
    <t xml:space="preserve"> 南足柄市</t>
    <phoneticPr fontId="0"/>
  </si>
  <si>
    <t xml:space="preserve"> 綾瀬市</t>
    <phoneticPr fontId="0"/>
  </si>
  <si>
    <t xml:space="preserve"> 葉山町</t>
    <phoneticPr fontId="0"/>
  </si>
  <si>
    <t xml:space="preserve"> 寒川町</t>
    <phoneticPr fontId="0"/>
  </si>
  <si>
    <t xml:space="preserve"> 大磯町</t>
    <phoneticPr fontId="0"/>
  </si>
  <si>
    <t xml:space="preserve"> 二宮町</t>
    <phoneticPr fontId="0"/>
  </si>
  <si>
    <t xml:space="preserve"> 中井町</t>
    <phoneticPr fontId="0"/>
  </si>
  <si>
    <t xml:space="preserve"> 大井町</t>
    <phoneticPr fontId="0"/>
  </si>
  <si>
    <t xml:space="preserve"> 松田町</t>
    <phoneticPr fontId="0"/>
  </si>
  <si>
    <t xml:space="preserve"> 山北町</t>
    <phoneticPr fontId="0"/>
  </si>
  <si>
    <t xml:space="preserve"> 開成町</t>
    <phoneticPr fontId="0"/>
  </si>
  <si>
    <t xml:space="preserve"> 箱根町</t>
    <phoneticPr fontId="0"/>
  </si>
  <si>
    <t xml:space="preserve"> 真鶴町</t>
    <phoneticPr fontId="0"/>
  </si>
  <si>
    <t xml:space="preserve"> 湯河原町</t>
    <phoneticPr fontId="0"/>
  </si>
  <si>
    <t xml:space="preserve"> 愛川町</t>
    <phoneticPr fontId="0"/>
  </si>
  <si>
    <t xml:space="preserve"> 清川村</t>
    <phoneticPr fontId="0"/>
  </si>
  <si>
    <t>市町村計</t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>県　        　計</t>
    <phoneticPr fontId="0"/>
  </si>
  <si>
    <t>（注）｢療養の給付等｣中、｢食事療養｣の件数は｢合計｣の件数に含めな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9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double">
        <color indexed="8"/>
      </right>
      <top style="thin">
        <color indexed="64"/>
      </top>
      <bottom/>
      <diagonal/>
    </border>
    <border>
      <left style="double">
        <color indexed="8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/>
      <right style="medium">
        <color indexed="64"/>
      </right>
      <top/>
      <bottom/>
      <diagonal/>
    </border>
    <border>
      <left/>
      <right style="double">
        <color indexed="8"/>
      </right>
      <top/>
      <bottom style="thin">
        <color indexed="8"/>
      </bottom>
      <diagonal/>
    </border>
    <border>
      <left style="double">
        <color indexed="8"/>
      </left>
      <right/>
      <top/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double">
        <color indexed="8"/>
      </left>
      <right/>
      <top/>
      <bottom style="thin">
        <color indexed="8"/>
      </bottom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 style="double">
        <color indexed="8"/>
      </left>
      <right/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double">
        <color indexed="8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8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8"/>
      </right>
      <top/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52">
    <xf numFmtId="0" fontId="0" fillId="0" borderId="0" xfId="0"/>
    <xf numFmtId="0" fontId="3" fillId="0" borderId="0" xfId="0" applyFont="1" applyBorder="1" applyProtection="1"/>
    <xf numFmtId="0" fontId="3" fillId="0" borderId="0" xfId="0" applyFont="1"/>
    <xf numFmtId="0" fontId="3" fillId="0" borderId="0" xfId="0" applyFont="1" applyBorder="1" applyAlignment="1" applyProtection="1">
      <alignment horizontal="right"/>
    </xf>
    <xf numFmtId="0" fontId="3" fillId="0" borderId="0" xfId="0" applyFont="1" applyBorder="1" applyAlignment="1" applyProtection="1">
      <alignment horizontal="centerContinuous" vertical="center"/>
    </xf>
    <xf numFmtId="0" fontId="3" fillId="0" borderId="9" xfId="0" applyFont="1" applyBorder="1" applyAlignment="1" applyProtection="1"/>
    <xf numFmtId="0" fontId="3" fillId="0" borderId="11" xfId="0" applyFont="1" applyBorder="1" applyAlignment="1" applyProtection="1">
      <alignment horizontal="centerContinuous"/>
    </xf>
    <xf numFmtId="0" fontId="3" fillId="0" borderId="0" xfId="0" applyFont="1" applyAlignment="1"/>
    <xf numFmtId="0" fontId="3" fillId="0" borderId="19" xfId="0" applyFont="1" applyBorder="1" applyAlignment="1" applyProtection="1">
      <alignment horizontal="centerContinuous"/>
    </xf>
    <xf numFmtId="0" fontId="3" fillId="0" borderId="20" xfId="0" applyFont="1" applyBorder="1" applyAlignment="1" applyProtection="1">
      <alignment horizontal="centerContinuous"/>
    </xf>
    <xf numFmtId="0" fontId="3" fillId="0" borderId="21" xfId="0" applyFont="1" applyBorder="1" applyAlignment="1" applyProtection="1">
      <alignment horizontal="centerContinuous"/>
    </xf>
    <xf numFmtId="0" fontId="3" fillId="0" borderId="22" xfId="0" applyFont="1" applyBorder="1" applyAlignment="1" applyProtection="1">
      <alignment horizontal="centerContinuous"/>
    </xf>
    <xf numFmtId="0" fontId="3" fillId="0" borderId="32" xfId="0" applyFont="1" applyBorder="1" applyAlignment="1" applyProtection="1">
      <alignment horizontal="centerContinuous"/>
    </xf>
    <xf numFmtId="0" fontId="3" fillId="0" borderId="36" xfId="0" applyFont="1" applyBorder="1" applyAlignment="1" applyProtection="1">
      <alignment horizontal="centerContinuous"/>
    </xf>
    <xf numFmtId="0" fontId="3" fillId="0" borderId="42" xfId="0" applyFont="1" applyBorder="1" applyAlignment="1" applyProtection="1">
      <alignment horizontal="center" vertical="center"/>
    </xf>
    <xf numFmtId="0" fontId="3" fillId="0" borderId="41" xfId="0" applyFont="1" applyBorder="1" applyAlignment="1" applyProtection="1">
      <alignment horizontal="center" vertical="center"/>
    </xf>
    <xf numFmtId="0" fontId="3" fillId="0" borderId="33" xfId="0" applyFont="1" applyBorder="1" applyAlignment="1" applyProtection="1"/>
    <xf numFmtId="0" fontId="3" fillId="0" borderId="43" xfId="0" applyFont="1" applyBorder="1" applyAlignment="1" applyProtection="1"/>
    <xf numFmtId="0" fontId="3" fillId="0" borderId="33" xfId="0" applyFont="1" applyBorder="1" applyAlignment="1" applyProtection="1">
      <alignment horizontal="centerContinuous"/>
    </xf>
    <xf numFmtId="0" fontId="3" fillId="0" borderId="34" xfId="0" applyFont="1" applyBorder="1" applyAlignment="1" applyProtection="1">
      <alignment horizontal="centerContinuous"/>
    </xf>
    <xf numFmtId="0" fontId="3" fillId="0" borderId="42" xfId="0" applyFont="1" applyBorder="1" applyAlignment="1" applyProtection="1">
      <alignment horizontal="centerContinuous"/>
    </xf>
    <xf numFmtId="0" fontId="3" fillId="0" borderId="39" xfId="0" applyFont="1" applyBorder="1" applyAlignment="1" applyProtection="1">
      <alignment horizontal="centerContinuous"/>
    </xf>
    <xf numFmtId="0" fontId="3" fillId="0" borderId="51" xfId="0" applyFont="1" applyBorder="1" applyAlignment="1" applyProtection="1">
      <alignment horizontal="center"/>
    </xf>
    <xf numFmtId="0" fontId="3" fillId="0" borderId="50" xfId="0" applyFont="1" applyBorder="1" applyAlignment="1" applyProtection="1">
      <alignment horizontal="center"/>
    </xf>
    <xf numFmtId="0" fontId="3" fillId="0" borderId="52" xfId="0" applyFont="1" applyBorder="1" applyAlignment="1" applyProtection="1">
      <alignment horizontal="center"/>
    </xf>
    <xf numFmtId="0" fontId="3" fillId="0" borderId="53" xfId="0" applyFont="1" applyBorder="1" applyAlignment="1" applyProtection="1">
      <alignment horizontal="center"/>
    </xf>
    <xf numFmtId="0" fontId="3" fillId="0" borderId="54" xfId="0" applyFont="1" applyBorder="1" applyAlignment="1" applyProtection="1">
      <alignment horizontal="center"/>
    </xf>
    <xf numFmtId="0" fontId="3" fillId="0" borderId="55" xfId="0" applyFont="1" applyBorder="1" applyAlignment="1" applyProtection="1">
      <alignment horizontal="center"/>
    </xf>
    <xf numFmtId="0" fontId="3" fillId="0" borderId="56" xfId="0" applyFont="1" applyBorder="1" applyAlignment="1" applyProtection="1">
      <alignment horizontal="center" vertical="center" wrapText="1" justifyLastLine="1"/>
    </xf>
    <xf numFmtId="0" fontId="3" fillId="0" borderId="58" xfId="0" applyFont="1" applyBorder="1" applyAlignment="1" applyProtection="1">
      <alignment horizontal="center"/>
    </xf>
    <xf numFmtId="0" fontId="3" fillId="0" borderId="59" xfId="0" applyFont="1" applyBorder="1" applyAlignment="1" applyProtection="1">
      <alignment horizontal="center"/>
    </xf>
    <xf numFmtId="0" fontId="3" fillId="0" borderId="18" xfId="0" applyFont="1" applyBorder="1" applyAlignment="1" applyProtection="1"/>
    <xf numFmtId="0" fontId="5" fillId="0" borderId="60" xfId="0" applyFont="1" applyBorder="1" applyAlignment="1" applyProtection="1">
      <alignment horizontal="left"/>
    </xf>
    <xf numFmtId="38" fontId="3" fillId="0" borderId="61" xfId="1" quotePrefix="1" applyFont="1" applyBorder="1" applyAlignment="1" applyProtection="1"/>
    <xf numFmtId="38" fontId="3" fillId="0" borderId="62" xfId="1" quotePrefix="1" applyFont="1" applyBorder="1" applyAlignment="1" applyProtection="1"/>
    <xf numFmtId="38" fontId="3" fillId="0" borderId="60" xfId="1" quotePrefix="1" applyFont="1" applyBorder="1" applyAlignment="1" applyProtection="1"/>
    <xf numFmtId="38" fontId="3" fillId="0" borderId="33" xfId="1" applyFont="1" applyBorder="1" applyAlignment="1" applyProtection="1"/>
    <xf numFmtId="38" fontId="3" fillId="0" borderId="42" xfId="1" applyFont="1" applyBorder="1" applyAlignment="1" applyProtection="1"/>
    <xf numFmtId="0" fontId="3" fillId="0" borderId="63" xfId="0" applyFont="1" applyBorder="1" applyAlignment="1" applyProtection="1"/>
    <xf numFmtId="0" fontId="5" fillId="0" borderId="64" xfId="0" applyFont="1" applyBorder="1" applyAlignment="1" applyProtection="1">
      <alignment horizontal="left"/>
    </xf>
    <xf numFmtId="38" fontId="3" fillId="0" borderId="65" xfId="1" quotePrefix="1" applyFont="1" applyBorder="1" applyAlignment="1" applyProtection="1"/>
    <xf numFmtId="38" fontId="3" fillId="0" borderId="66" xfId="1" quotePrefix="1" applyFont="1" applyBorder="1" applyAlignment="1" applyProtection="1"/>
    <xf numFmtId="38" fontId="3" fillId="0" borderId="67" xfId="1" quotePrefix="1" applyFont="1" applyBorder="1" applyAlignment="1" applyProtection="1"/>
    <xf numFmtId="38" fontId="3" fillId="0" borderId="68" xfId="1" quotePrefix="1" applyFont="1" applyBorder="1" applyAlignment="1" applyProtection="1"/>
    <xf numFmtId="38" fontId="3" fillId="0" borderId="69" xfId="1" quotePrefix="1" applyFont="1" applyBorder="1" applyAlignment="1" applyProtection="1"/>
    <xf numFmtId="38" fontId="3" fillId="0" borderId="64" xfId="1" quotePrefix="1" applyFont="1" applyBorder="1" applyAlignment="1" applyProtection="1"/>
    <xf numFmtId="38" fontId="3" fillId="0" borderId="65" xfId="1" applyFont="1" applyBorder="1" applyAlignment="1" applyProtection="1"/>
    <xf numFmtId="38" fontId="3" fillId="0" borderId="70" xfId="1" applyFont="1" applyBorder="1" applyAlignment="1" applyProtection="1"/>
    <xf numFmtId="38" fontId="3" fillId="0" borderId="32" xfId="1" quotePrefix="1" applyFont="1" applyBorder="1" applyAlignment="1" applyProtection="1"/>
    <xf numFmtId="38" fontId="3" fillId="0" borderId="81" xfId="1" quotePrefix="1" applyFont="1" applyBorder="1" applyAlignment="1" applyProtection="1"/>
    <xf numFmtId="0" fontId="3" fillId="0" borderId="0" xfId="0" applyFont="1" applyAlignment="1">
      <alignment vertical="center"/>
    </xf>
    <xf numFmtId="0" fontId="0" fillId="0" borderId="0" xfId="0" applyFont="1" applyBorder="1" applyProtection="1"/>
    <xf numFmtId="0" fontId="0" fillId="0" borderId="0" xfId="0" applyFont="1"/>
    <xf numFmtId="0" fontId="0" fillId="0" borderId="0" xfId="0" applyFont="1" applyBorder="1" applyAlignment="1" applyProtection="1">
      <alignment horizontal="centerContinuous" vertical="center"/>
    </xf>
    <xf numFmtId="0" fontId="0" fillId="0" borderId="0" xfId="0" applyFont="1" applyBorder="1" applyAlignment="1" applyProtection="1">
      <alignment horizontal="right"/>
    </xf>
    <xf numFmtId="38" fontId="3" fillId="0" borderId="73" xfId="1" applyFont="1" applyBorder="1" applyAlignment="1" applyProtection="1"/>
    <xf numFmtId="38" fontId="3" fillId="0" borderId="74" xfId="1" applyFont="1" applyBorder="1" applyAlignment="1" applyProtection="1"/>
    <xf numFmtId="38" fontId="3" fillId="0" borderId="75" xfId="1" applyFont="1" applyBorder="1" applyAlignment="1" applyProtection="1"/>
    <xf numFmtId="38" fontId="3" fillId="0" borderId="76" xfId="1" applyFont="1" applyBorder="1" applyAlignment="1" applyProtection="1"/>
    <xf numFmtId="38" fontId="3" fillId="0" borderId="77" xfId="1" applyFont="1" applyBorder="1" applyAlignment="1" applyProtection="1"/>
    <xf numFmtId="38" fontId="3" fillId="0" borderId="78" xfId="1" quotePrefix="1" applyFont="1" applyBorder="1" applyAlignment="1" applyProtection="1"/>
    <xf numFmtId="38" fontId="3" fillId="0" borderId="79" xfId="1" applyFont="1" applyBorder="1" applyAlignment="1" applyProtection="1"/>
    <xf numFmtId="38" fontId="3" fillId="0" borderId="78" xfId="1" applyFont="1" applyBorder="1" applyAlignment="1" applyProtection="1"/>
    <xf numFmtId="38" fontId="3" fillId="0" borderId="80" xfId="1" applyFont="1" applyBorder="1" applyAlignment="1" applyProtection="1"/>
    <xf numFmtId="38" fontId="3" fillId="0" borderId="82" xfId="1" applyFont="1" applyBorder="1" applyAlignment="1" applyProtection="1"/>
    <xf numFmtId="38" fontId="3" fillId="0" borderId="85" xfId="1" applyFont="1" applyBorder="1" applyAlignment="1" applyProtection="1"/>
    <xf numFmtId="38" fontId="3" fillId="0" borderId="86" xfId="1" applyFont="1" applyBorder="1" applyAlignment="1" applyProtection="1"/>
    <xf numFmtId="38" fontId="3" fillId="0" borderId="87" xfId="1" applyFont="1" applyBorder="1" applyAlignment="1" applyProtection="1"/>
    <xf numFmtId="38" fontId="3" fillId="0" borderId="88" xfId="1" applyFont="1" applyBorder="1" applyAlignment="1" applyProtection="1"/>
    <xf numFmtId="38" fontId="3" fillId="0" borderId="89" xfId="1" applyFont="1" applyBorder="1" applyAlignment="1" applyProtection="1"/>
    <xf numFmtId="38" fontId="3" fillId="0" borderId="90" xfId="1" applyFont="1" applyBorder="1" applyAlignment="1" applyProtection="1"/>
    <xf numFmtId="38" fontId="3" fillId="0" borderId="91" xfId="1" applyFont="1" applyBorder="1" applyAlignment="1" applyProtection="1"/>
    <xf numFmtId="38" fontId="3" fillId="0" borderId="92" xfId="1" applyFont="1" applyBorder="1" applyAlignment="1" applyProtection="1"/>
    <xf numFmtId="38" fontId="3" fillId="0" borderId="93" xfId="1" applyFont="1" applyBorder="1" applyAlignment="1" applyProtection="1"/>
    <xf numFmtId="38" fontId="3" fillId="0" borderId="94" xfId="1" applyFont="1" applyBorder="1" applyAlignment="1" applyProtection="1"/>
    <xf numFmtId="0" fontId="3" fillId="0" borderId="83" xfId="0" applyFont="1" applyBorder="1" applyAlignment="1">
      <alignment horizontal="distributed" justifyLastLine="1"/>
    </xf>
    <xf numFmtId="0" fontId="3" fillId="0" borderId="84" xfId="0" applyFont="1" applyBorder="1" applyAlignment="1">
      <alignment horizontal="distributed" justifyLastLine="1"/>
    </xf>
    <xf numFmtId="0" fontId="3" fillId="0" borderId="71" xfId="0" applyFont="1" applyBorder="1" applyAlignment="1">
      <alignment horizontal="distributed" justifyLastLine="1"/>
    </xf>
    <xf numFmtId="0" fontId="3" fillId="0" borderId="72" xfId="0" applyFont="1" applyBorder="1" applyAlignment="1">
      <alignment horizontal="distributed" justifyLastLine="1"/>
    </xf>
    <xf numFmtId="0" fontId="3" fillId="0" borderId="40" xfId="0" applyFont="1" applyBorder="1" applyAlignment="1" applyProtection="1">
      <alignment horizontal="distributed" justifyLastLine="1"/>
    </xf>
    <xf numFmtId="0" fontId="3" fillId="0" borderId="20" xfId="0" applyFont="1" applyBorder="1" applyAlignment="1">
      <alignment horizontal="distributed" justifyLastLine="1"/>
    </xf>
    <xf numFmtId="0" fontId="3" fillId="0" borderId="39" xfId="0" applyFont="1" applyBorder="1" applyAlignment="1">
      <alignment horizontal="distributed" justifyLastLine="1"/>
    </xf>
    <xf numFmtId="0" fontId="3" fillId="0" borderId="19" xfId="0" applyFont="1" applyBorder="1" applyAlignment="1" applyProtection="1">
      <alignment horizontal="distributed" justifyLastLine="1"/>
    </xf>
    <xf numFmtId="0" fontId="3" fillId="0" borderId="22" xfId="0" applyFont="1" applyBorder="1" applyAlignment="1">
      <alignment horizontal="distributed" justifyLastLine="1"/>
    </xf>
    <xf numFmtId="0" fontId="3" fillId="0" borderId="1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45" xfId="0" applyFont="1" applyBorder="1" applyAlignment="1" applyProtection="1">
      <alignment horizontal="distributed" vertical="center" justifyLastLine="1"/>
    </xf>
    <xf numFmtId="0" fontId="3" fillId="0" borderId="54" xfId="0" applyFont="1" applyBorder="1" applyAlignment="1">
      <alignment horizontal="distributed" vertical="center" justifyLastLine="1"/>
    </xf>
    <xf numFmtId="0" fontId="3" fillId="0" borderId="46" xfId="0" applyFont="1" applyBorder="1" applyAlignment="1" applyProtection="1">
      <alignment horizontal="distributed" vertical="center" justifyLastLine="1"/>
    </xf>
    <xf numFmtId="0" fontId="3" fillId="0" borderId="53" xfId="0" applyFont="1" applyBorder="1" applyAlignment="1" applyProtection="1">
      <alignment horizontal="distributed" vertical="center" justifyLastLine="1"/>
    </xf>
    <xf numFmtId="0" fontId="3" fillId="0" borderId="47" xfId="0" applyFont="1" applyBorder="1" applyAlignment="1" applyProtection="1">
      <alignment horizontal="center" vertical="center"/>
    </xf>
    <xf numFmtId="0" fontId="3" fillId="0" borderId="57" xfId="0" applyFont="1" applyBorder="1" applyAlignment="1" applyProtection="1">
      <alignment horizontal="center" vertical="center"/>
    </xf>
    <xf numFmtId="0" fontId="3" fillId="0" borderId="9" xfId="0" applyFont="1" applyBorder="1" applyAlignment="1" applyProtection="1">
      <alignment horizontal="center" wrapText="1"/>
    </xf>
    <xf numFmtId="0" fontId="3" fillId="0" borderId="2" xfId="0" applyFont="1" applyBorder="1" applyAlignment="1" applyProtection="1">
      <alignment horizontal="center" wrapText="1"/>
    </xf>
    <xf numFmtId="0" fontId="3" fillId="0" borderId="32" xfId="0" applyFont="1" applyBorder="1" applyAlignment="1" applyProtection="1">
      <alignment horizontal="center" wrapText="1"/>
    </xf>
    <xf numFmtId="0" fontId="3" fillId="0" borderId="0" xfId="0" applyFont="1" applyBorder="1" applyAlignment="1" applyProtection="1">
      <alignment horizontal="center" wrapText="1"/>
    </xf>
    <xf numFmtId="0" fontId="3" fillId="0" borderId="33" xfId="0" applyFont="1" applyBorder="1" applyAlignment="1" applyProtection="1">
      <alignment horizontal="center" wrapText="1"/>
    </xf>
    <xf numFmtId="0" fontId="3" fillId="0" borderId="34" xfId="0" applyFont="1" applyBorder="1" applyAlignment="1" applyProtection="1">
      <alignment horizontal="center" wrapText="1"/>
    </xf>
    <xf numFmtId="0" fontId="3" fillId="0" borderId="9" xfId="0" applyFont="1" applyBorder="1" applyAlignment="1" applyProtection="1">
      <alignment horizontal="center" vertical="center"/>
    </xf>
    <xf numFmtId="0" fontId="3" fillId="0" borderId="2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33" xfId="0" applyFont="1" applyBorder="1" applyAlignment="1" applyProtection="1">
      <alignment horizontal="center" vertical="center"/>
    </xf>
    <xf numFmtId="0" fontId="3" fillId="0" borderId="34" xfId="0" applyFont="1" applyBorder="1" applyAlignment="1" applyProtection="1">
      <alignment horizontal="center" vertical="center"/>
    </xf>
    <xf numFmtId="0" fontId="3" fillId="0" borderId="35" xfId="0" applyFont="1" applyBorder="1" applyAlignment="1" applyProtection="1">
      <alignment horizontal="center" vertical="center"/>
    </xf>
    <xf numFmtId="0" fontId="3" fillId="0" borderId="12" xfId="0" applyFont="1" applyBorder="1" applyAlignment="1" applyProtection="1">
      <alignment horizontal="center"/>
    </xf>
    <xf numFmtId="0" fontId="3" fillId="0" borderId="13" xfId="0" applyFont="1" applyBorder="1" applyAlignment="1" applyProtection="1">
      <alignment horizontal="center"/>
    </xf>
    <xf numFmtId="0" fontId="3" fillId="0" borderId="18" xfId="0" applyFont="1" applyBorder="1" applyAlignment="1" applyProtection="1">
      <alignment horizontal="center"/>
    </xf>
    <xf numFmtId="0" fontId="3" fillId="0" borderId="0" xfId="0" applyFont="1" applyBorder="1" applyAlignment="1" applyProtection="1">
      <alignment horizontal="center"/>
    </xf>
    <xf numFmtId="0" fontId="3" fillId="0" borderId="49" xfId="0" applyFont="1" applyBorder="1" applyAlignment="1" applyProtection="1">
      <alignment horizontal="center"/>
    </xf>
    <xf numFmtId="0" fontId="3" fillId="0" borderId="50" xfId="0" applyFont="1" applyBorder="1" applyAlignment="1" applyProtection="1">
      <alignment horizontal="center"/>
    </xf>
    <xf numFmtId="0" fontId="3" fillId="0" borderId="14" xfId="0" applyFont="1" applyBorder="1" applyAlignment="1" applyProtection="1">
      <alignment horizontal="center"/>
    </xf>
    <xf numFmtId="0" fontId="3" fillId="0" borderId="15" xfId="0" applyFont="1" applyBorder="1" applyAlignment="1" applyProtection="1">
      <alignment horizontal="center"/>
    </xf>
    <xf numFmtId="0" fontId="3" fillId="0" borderId="33" xfId="0" applyFont="1" applyBorder="1" applyAlignment="1" applyProtection="1">
      <alignment horizontal="center"/>
    </xf>
    <xf numFmtId="0" fontId="3" fillId="0" borderId="34" xfId="0" applyFont="1" applyBorder="1" applyAlignment="1" applyProtection="1">
      <alignment horizontal="center"/>
    </xf>
    <xf numFmtId="0" fontId="3" fillId="0" borderId="37" xfId="0" applyFont="1" applyBorder="1" applyAlignment="1" applyProtection="1">
      <alignment horizontal="center"/>
    </xf>
    <xf numFmtId="0" fontId="3" fillId="0" borderId="16" xfId="0" applyFont="1" applyBorder="1" applyAlignment="1" applyProtection="1">
      <alignment horizontal="center" wrapText="1"/>
    </xf>
    <xf numFmtId="0" fontId="3" fillId="0" borderId="38" xfId="0" applyFont="1" applyBorder="1" applyAlignment="1" applyProtection="1">
      <alignment horizontal="center" wrapText="1"/>
    </xf>
    <xf numFmtId="0" fontId="3" fillId="0" borderId="48" xfId="0" applyFont="1" applyBorder="1" applyAlignment="1" applyProtection="1">
      <alignment horizontal="center" wrapText="1"/>
    </xf>
    <xf numFmtId="0" fontId="3" fillId="0" borderId="23" xfId="0" applyFont="1" applyBorder="1" applyAlignment="1" applyProtection="1">
      <alignment horizontal="distributed" vertical="center" justifyLastLine="1"/>
    </xf>
    <xf numFmtId="0" fontId="3" fillId="0" borderId="24" xfId="0" applyFont="1" applyBorder="1" applyAlignment="1" applyProtection="1">
      <alignment horizontal="distributed" vertical="center" justifyLastLine="1"/>
    </xf>
    <xf numFmtId="0" fontId="3" fillId="0" borderId="33" xfId="0" applyFont="1" applyBorder="1" applyAlignment="1" applyProtection="1">
      <alignment horizontal="distributed" vertical="center" justifyLastLine="1"/>
    </xf>
    <xf numFmtId="0" fontId="3" fillId="0" borderId="34" xfId="0" applyFont="1" applyBorder="1" applyAlignment="1" applyProtection="1">
      <alignment horizontal="distributed" vertical="center" justifyLastLine="1"/>
    </xf>
    <xf numFmtId="0" fontId="3" fillId="0" borderId="25" xfId="0" applyFont="1" applyBorder="1" applyAlignment="1" applyProtection="1">
      <alignment horizontal="distributed" vertical="center" justifyLastLine="1"/>
    </xf>
    <xf numFmtId="0" fontId="3" fillId="0" borderId="41" xfId="0" applyFont="1" applyBorder="1" applyAlignment="1" applyProtection="1">
      <alignment horizontal="distributed" vertical="center" justifyLastLine="1"/>
    </xf>
    <xf numFmtId="0" fontId="3" fillId="0" borderId="26" xfId="0" applyFont="1" applyBorder="1" applyAlignment="1" applyProtection="1">
      <alignment horizontal="distributed" vertical="center" justifyLastLine="1"/>
    </xf>
    <xf numFmtId="0" fontId="3" fillId="0" borderId="42" xfId="0" applyFont="1" applyBorder="1" applyAlignment="1" applyProtection="1">
      <alignment horizontal="distributed" vertical="center" justifyLastLine="1"/>
    </xf>
    <xf numFmtId="0" fontId="3" fillId="0" borderId="27" xfId="0" applyFont="1" applyBorder="1" applyAlignment="1" applyProtection="1">
      <alignment horizontal="distributed" vertical="center" justifyLastLine="1"/>
    </xf>
    <xf numFmtId="0" fontId="3" fillId="0" borderId="43" xfId="0" applyFont="1" applyBorder="1" applyAlignment="1" applyProtection="1">
      <alignment horizontal="distributed" vertical="center" justifyLastLine="1"/>
    </xf>
    <xf numFmtId="0" fontId="4" fillId="0" borderId="28" xfId="0" applyFont="1" applyBorder="1" applyAlignment="1" applyProtection="1">
      <alignment horizontal="center" vertical="justify" wrapText="1"/>
    </xf>
    <xf numFmtId="0" fontId="4" fillId="0" borderId="44" xfId="0" applyFont="1" applyBorder="1" applyAlignment="1" applyProtection="1">
      <alignment horizontal="center" vertical="justify" wrapText="1"/>
    </xf>
    <xf numFmtId="0" fontId="3" fillId="0" borderId="1" xfId="0" applyFont="1" applyBorder="1" applyAlignment="1" applyProtection="1">
      <alignment horizontal="distributed" vertical="center" justifyLastLine="1"/>
    </xf>
    <xf numFmtId="0" fontId="3" fillId="0" borderId="2" xfId="0" applyFont="1" applyBorder="1" applyAlignment="1" applyProtection="1">
      <alignment horizontal="distributed" vertical="center" justifyLastLine="1"/>
    </xf>
    <xf numFmtId="0" fontId="3" fillId="0" borderId="18" xfId="0" applyFont="1" applyBorder="1" applyAlignment="1" applyProtection="1">
      <alignment horizontal="distributed" vertical="center" justifyLastLine="1"/>
    </xf>
    <xf numFmtId="0" fontId="3" fillId="0" borderId="0" xfId="0" applyFont="1" applyBorder="1" applyAlignment="1" applyProtection="1">
      <alignment horizontal="distributed" vertical="center" justifyLastLine="1"/>
    </xf>
    <xf numFmtId="0" fontId="3" fillId="0" borderId="49" xfId="0" applyFont="1" applyBorder="1" applyAlignment="1" applyProtection="1">
      <alignment horizontal="distributed" vertical="center" justifyLastLine="1"/>
    </xf>
    <xf numFmtId="0" fontId="3" fillId="0" borderId="50" xfId="0" applyFont="1" applyBorder="1" applyAlignment="1" applyProtection="1">
      <alignment horizontal="distributed" vertical="center" justifyLastLine="1"/>
    </xf>
    <xf numFmtId="0" fontId="3" fillId="0" borderId="3" xfId="0" applyFont="1" applyBorder="1" applyAlignment="1" applyProtection="1">
      <alignment horizontal="center"/>
    </xf>
    <xf numFmtId="0" fontId="3" fillId="0" borderId="4" xfId="0" applyFont="1" applyBorder="1" applyAlignment="1" applyProtection="1">
      <alignment horizontal="center"/>
    </xf>
    <xf numFmtId="0" fontId="3" fillId="0" borderId="5" xfId="0" applyFont="1" applyBorder="1" applyAlignment="1" applyProtection="1">
      <alignment horizontal="center"/>
    </xf>
    <xf numFmtId="0" fontId="3" fillId="0" borderId="6" xfId="0" applyFont="1" applyBorder="1" applyAlignment="1" applyProtection="1">
      <alignment horizontal="center"/>
    </xf>
    <xf numFmtId="0" fontId="3" fillId="0" borderId="7" xfId="0" applyFont="1" applyBorder="1" applyAlignment="1" applyProtection="1">
      <alignment horizontal="center"/>
    </xf>
    <xf numFmtId="0" fontId="3" fillId="0" borderId="8" xfId="0" applyFont="1" applyBorder="1" applyAlignment="1" applyProtection="1">
      <alignment horizontal="center"/>
    </xf>
    <xf numFmtId="0" fontId="3" fillId="0" borderId="29" xfId="0" applyFont="1" applyBorder="1" applyAlignment="1" applyProtection="1">
      <alignment horizontal="center" vertical="center"/>
    </xf>
    <xf numFmtId="0" fontId="0" fillId="0" borderId="13" xfId="0" applyFont="1" applyBorder="1" applyAlignment="1">
      <alignment horizontal="center" vertical="center"/>
    </xf>
    <xf numFmtId="0" fontId="0" fillId="0" borderId="30" xfId="0" applyFont="1" applyBorder="1" applyAlignment="1">
      <alignment horizontal="center" vertical="center"/>
    </xf>
    <xf numFmtId="0" fontId="0" fillId="0" borderId="31" xfId="0" applyFont="1" applyBorder="1" applyAlignment="1">
      <alignment horizontal="center" vertical="center"/>
    </xf>
    <xf numFmtId="0" fontId="3" fillId="0" borderId="14" xfId="0" applyFont="1" applyBorder="1" applyAlignment="1" applyProtection="1">
      <alignment horizontal="center" vertical="center"/>
    </xf>
    <xf numFmtId="0" fontId="3" fillId="0" borderId="17" xfId="0" applyFont="1" applyBorder="1" applyAlignment="1" applyProtection="1">
      <alignment horizontal="center" vertical="center"/>
    </xf>
    <xf numFmtId="0" fontId="3" fillId="0" borderId="19" xfId="0" applyFont="1" applyBorder="1" applyAlignment="1" applyProtection="1">
      <alignment horizontal="distributed" vertical="center" justifyLastLine="1"/>
    </xf>
    <xf numFmtId="0" fontId="3" fillId="0" borderId="20" xfId="0" applyFont="1" applyBorder="1" applyAlignment="1">
      <alignment horizontal="distributed" vertical="center" justifyLastLine="1"/>
    </xf>
    <xf numFmtId="0" fontId="3" fillId="0" borderId="39" xfId="0" applyFont="1" applyBorder="1" applyAlignment="1">
      <alignment horizontal="distributed" vertical="center" justifyLastLine="1"/>
    </xf>
    <xf numFmtId="0" fontId="3" fillId="0" borderId="21" xfId="0" applyFont="1" applyBorder="1" applyAlignment="1">
      <alignment horizontal="distributed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BB49"/>
  <sheetViews>
    <sheetView tabSelected="1" view="pageBreakPreview" zoomScaleNormal="100" workbookViewId="0">
      <selection activeCell="BD9" sqref="BD9"/>
    </sheetView>
  </sheetViews>
  <sheetFormatPr defaultRowHeight="10.5" customHeight="1" x14ac:dyDescent="0.15"/>
  <cols>
    <col min="1" max="1" width="3.625" style="2" customWidth="1"/>
    <col min="2" max="2" width="10" style="2" customWidth="1"/>
    <col min="3" max="3" width="8.75" style="2" customWidth="1"/>
    <col min="4" max="4" width="10.125" style="2" customWidth="1"/>
    <col min="5" max="5" width="13.75" style="2" customWidth="1"/>
    <col min="6" max="6" width="8.875" style="2" customWidth="1"/>
    <col min="7" max="7" width="10" style="2" customWidth="1"/>
    <col min="8" max="8" width="13.75" style="2" customWidth="1"/>
    <col min="9" max="9" width="9.625" style="2" customWidth="1"/>
    <col min="10" max="10" width="10.625" style="2" customWidth="1"/>
    <col min="11" max="11" width="13.75" style="2" customWidth="1"/>
    <col min="12" max="12" width="10" style="2" customWidth="1"/>
    <col min="13" max="13" width="10.625" style="2" customWidth="1"/>
    <col min="14" max="14" width="13.75" style="2" customWidth="1"/>
    <col min="15" max="15" width="3.625" style="2" customWidth="1"/>
    <col min="16" max="17" width="10.625" style="2" customWidth="1"/>
    <col min="18" max="18" width="11.25" style="2" customWidth="1"/>
    <col min="19" max="19" width="13.75" style="2" customWidth="1"/>
    <col min="20" max="20" width="10.625" style="2" customWidth="1"/>
    <col min="21" max="21" width="11.375" style="2" customWidth="1"/>
    <col min="22" max="22" width="13.75" style="2" customWidth="1"/>
    <col min="23" max="23" width="10" style="2" customWidth="1"/>
    <col min="24" max="24" width="10.625" style="2" customWidth="1"/>
    <col min="25" max="25" width="13.75" style="2" customWidth="1"/>
    <col min="26" max="26" width="11.375" style="2" customWidth="1"/>
    <col min="27" max="27" width="15.625" style="2" customWidth="1"/>
    <col min="28" max="28" width="3.625" style="2" customWidth="1"/>
    <col min="29" max="29" width="10" style="2" customWidth="1"/>
    <col min="30" max="30" width="6.625" style="2" customWidth="1"/>
    <col min="31" max="31" width="7.5" style="2" customWidth="1"/>
    <col min="32" max="32" width="12" style="2" customWidth="1"/>
    <col min="33" max="33" width="4.5" style="2" customWidth="1"/>
    <col min="34" max="34" width="9.625" style="2" customWidth="1"/>
    <col min="35" max="35" width="6.125" style="2" customWidth="1"/>
    <col min="36" max="37" width="8.75" style="2" customWidth="1"/>
    <col min="38" max="38" width="15.625" style="2" customWidth="1"/>
    <col min="39" max="39" width="15.75" style="2" customWidth="1"/>
    <col min="40" max="40" width="15.875" style="2" customWidth="1"/>
    <col min="41" max="41" width="12.875" style="2" customWidth="1"/>
    <col min="42" max="42" width="9.625" style="2" customWidth="1"/>
    <col min="43" max="43" width="13.75" style="2" customWidth="1"/>
    <col min="44" max="44" width="3.625" style="2" hidden="1" customWidth="1"/>
    <col min="45" max="46" width="7.625" style="2" hidden="1" customWidth="1"/>
    <col min="47" max="47" width="15.625" style="2" hidden="1" customWidth="1"/>
    <col min="48" max="48" width="7.625" style="2" hidden="1" customWidth="1"/>
    <col min="49" max="49" width="15.5" style="2" hidden="1" customWidth="1"/>
    <col min="50" max="50" width="7.625" style="2" hidden="1" customWidth="1"/>
    <col min="51" max="51" width="15" style="2" hidden="1" customWidth="1"/>
    <col min="52" max="52" width="7.625" style="2" hidden="1" customWidth="1"/>
    <col min="53" max="53" width="16.25" style="2" hidden="1" customWidth="1"/>
    <col min="54" max="54" width="13.625" style="2" hidden="1" customWidth="1"/>
    <col min="55" max="55" width="1.125" style="2" customWidth="1"/>
    <col min="56" max="57" width="9" style="2"/>
    <col min="58" max="58" width="0" style="2" hidden="1" customWidth="1"/>
    <col min="59" max="16384" width="9" style="2"/>
  </cols>
  <sheetData>
    <row r="1" spans="1:54" s="52" customFormat="1" ht="15" customHeight="1" x14ac:dyDescent="0.15">
      <c r="A1" s="51" t="s">
        <v>0</v>
      </c>
      <c r="B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 t="s">
        <v>1</v>
      </c>
      <c r="P1" s="51"/>
      <c r="R1" s="51"/>
      <c r="S1" s="51"/>
      <c r="T1" s="51"/>
      <c r="U1" s="51"/>
      <c r="V1" s="51"/>
      <c r="W1" s="51"/>
      <c r="X1" s="51"/>
      <c r="Y1" s="51"/>
      <c r="Z1" s="51"/>
      <c r="AA1" s="51"/>
      <c r="AB1" s="51" t="s">
        <v>2</v>
      </c>
      <c r="AC1" s="51"/>
      <c r="AE1" s="51"/>
      <c r="AF1" s="51"/>
      <c r="AG1" s="51"/>
      <c r="AH1" s="51"/>
      <c r="AI1" s="51"/>
      <c r="AJ1" s="51"/>
      <c r="AK1" s="53"/>
      <c r="AL1" s="51"/>
      <c r="AN1" s="51"/>
      <c r="AO1" s="51"/>
      <c r="AP1" s="51"/>
      <c r="AQ1" s="54"/>
      <c r="AR1" s="51" t="s">
        <v>3</v>
      </c>
      <c r="AS1" s="51"/>
      <c r="AU1" s="51"/>
      <c r="AV1" s="51"/>
      <c r="AW1" s="51"/>
      <c r="AX1" s="51"/>
      <c r="AY1" s="51"/>
      <c r="AZ1" s="51"/>
      <c r="BA1" s="51"/>
      <c r="BB1" s="51"/>
    </row>
    <row r="2" spans="1:54" ht="15" customHeight="1" thickBot="1" x14ac:dyDescent="0.2">
      <c r="A2" s="1"/>
      <c r="B2" s="1"/>
      <c r="D2" s="1"/>
      <c r="E2" s="1"/>
      <c r="F2" s="1"/>
      <c r="G2" s="1"/>
      <c r="H2" s="1"/>
      <c r="I2" s="1"/>
      <c r="J2" s="1"/>
      <c r="K2" s="1"/>
      <c r="L2" s="1"/>
      <c r="M2" s="1"/>
      <c r="N2" s="3" t="s">
        <v>4</v>
      </c>
      <c r="O2" s="1"/>
      <c r="P2" s="1"/>
      <c r="R2" s="1"/>
      <c r="S2" s="1"/>
      <c r="T2" s="1"/>
      <c r="U2" s="1"/>
      <c r="V2" s="1"/>
      <c r="W2" s="1"/>
      <c r="X2" s="1"/>
      <c r="Y2" s="1"/>
      <c r="Z2" s="1"/>
      <c r="AA2" s="3" t="s">
        <v>4</v>
      </c>
      <c r="AB2" s="1"/>
      <c r="AC2" s="1"/>
      <c r="AE2" s="1"/>
      <c r="AF2" s="1"/>
      <c r="AG2" s="1"/>
      <c r="AH2" s="1"/>
      <c r="AI2" s="1"/>
      <c r="AJ2" s="1"/>
      <c r="AK2" s="4"/>
      <c r="AL2" s="1"/>
      <c r="AN2" s="1"/>
      <c r="AO2" s="1"/>
      <c r="AP2" s="1"/>
      <c r="AQ2" s="3" t="s">
        <v>4</v>
      </c>
      <c r="AR2" s="1"/>
      <c r="AS2" s="1"/>
      <c r="AU2" s="1"/>
      <c r="AV2" s="1"/>
      <c r="AW2" s="1"/>
      <c r="AX2" s="1"/>
      <c r="AY2" s="1"/>
      <c r="AZ2" s="1"/>
      <c r="BA2" s="1"/>
      <c r="BB2" s="1"/>
    </row>
    <row r="3" spans="1:54" s="7" customFormat="1" ht="11.25" customHeight="1" x14ac:dyDescent="0.15">
      <c r="A3" s="130" t="s">
        <v>5</v>
      </c>
      <c r="B3" s="131"/>
      <c r="C3" s="136" t="s">
        <v>6</v>
      </c>
      <c r="D3" s="137"/>
      <c r="E3" s="137"/>
      <c r="F3" s="137"/>
      <c r="G3" s="137"/>
      <c r="H3" s="137"/>
      <c r="I3" s="137"/>
      <c r="J3" s="137"/>
      <c r="K3" s="137"/>
      <c r="L3" s="137"/>
      <c r="M3" s="137"/>
      <c r="N3" s="138"/>
      <c r="O3" s="130" t="s">
        <v>5</v>
      </c>
      <c r="P3" s="131"/>
      <c r="Q3" s="136" t="s">
        <v>7</v>
      </c>
      <c r="R3" s="137"/>
      <c r="S3" s="137"/>
      <c r="T3" s="137"/>
      <c r="U3" s="137"/>
      <c r="V3" s="137"/>
      <c r="W3" s="137"/>
      <c r="X3" s="137"/>
      <c r="Y3" s="137"/>
      <c r="Z3" s="137"/>
      <c r="AA3" s="138"/>
      <c r="AB3" s="130" t="s">
        <v>5</v>
      </c>
      <c r="AC3" s="131"/>
      <c r="AD3" s="139" t="s">
        <v>8</v>
      </c>
      <c r="AE3" s="140"/>
      <c r="AF3" s="140"/>
      <c r="AG3" s="140"/>
      <c r="AH3" s="140"/>
      <c r="AI3" s="140"/>
      <c r="AJ3" s="141"/>
      <c r="AK3" s="92" t="s">
        <v>9</v>
      </c>
      <c r="AL3" s="93"/>
      <c r="AM3" s="98" t="s">
        <v>10</v>
      </c>
      <c r="AN3" s="99"/>
      <c r="AO3" s="100"/>
      <c r="AP3" s="5"/>
      <c r="AQ3" s="6"/>
      <c r="AR3" s="104" t="s">
        <v>5</v>
      </c>
      <c r="AS3" s="105"/>
      <c r="AT3" s="110" t="s">
        <v>11</v>
      </c>
      <c r="AU3" s="105"/>
      <c r="AV3" s="105"/>
      <c r="AW3" s="105"/>
      <c r="AX3" s="105"/>
      <c r="AY3" s="105"/>
      <c r="AZ3" s="105"/>
      <c r="BA3" s="111"/>
      <c r="BB3" s="115" t="s">
        <v>12</v>
      </c>
    </row>
    <row r="4" spans="1:54" s="7" customFormat="1" ht="11.25" customHeight="1" x14ac:dyDescent="0.15">
      <c r="A4" s="132"/>
      <c r="B4" s="133"/>
      <c r="C4" s="8" t="s">
        <v>13</v>
      </c>
      <c r="D4" s="9"/>
      <c r="E4" s="9"/>
      <c r="F4" s="9"/>
      <c r="G4" s="9"/>
      <c r="H4" s="10"/>
      <c r="I4" s="9"/>
      <c r="J4" s="9"/>
      <c r="K4" s="9"/>
      <c r="L4" s="9"/>
      <c r="M4" s="9"/>
      <c r="N4" s="11"/>
      <c r="O4" s="132"/>
      <c r="P4" s="133"/>
      <c r="Q4" s="118" t="s">
        <v>14</v>
      </c>
      <c r="R4" s="119"/>
      <c r="S4" s="119"/>
      <c r="T4" s="118" t="s">
        <v>15</v>
      </c>
      <c r="U4" s="119"/>
      <c r="V4" s="122"/>
      <c r="W4" s="124" t="s">
        <v>16</v>
      </c>
      <c r="X4" s="119"/>
      <c r="Y4" s="122"/>
      <c r="Z4" s="124" t="s">
        <v>17</v>
      </c>
      <c r="AA4" s="126"/>
      <c r="AB4" s="132"/>
      <c r="AC4" s="133"/>
      <c r="AD4" s="128" t="s">
        <v>18</v>
      </c>
      <c r="AE4" s="142" t="s">
        <v>19</v>
      </c>
      <c r="AF4" s="143"/>
      <c r="AG4" s="144"/>
      <c r="AH4" s="145"/>
      <c r="AI4" s="146" t="s">
        <v>20</v>
      </c>
      <c r="AJ4" s="147"/>
      <c r="AK4" s="94"/>
      <c r="AL4" s="95"/>
      <c r="AM4" s="101"/>
      <c r="AN4" s="102"/>
      <c r="AO4" s="103"/>
      <c r="AP4" s="12" t="s">
        <v>21</v>
      </c>
      <c r="AQ4" s="13"/>
      <c r="AR4" s="106"/>
      <c r="AS4" s="107"/>
      <c r="AT4" s="112"/>
      <c r="AU4" s="113"/>
      <c r="AV4" s="113"/>
      <c r="AW4" s="113"/>
      <c r="AX4" s="113"/>
      <c r="AY4" s="113"/>
      <c r="AZ4" s="113"/>
      <c r="BA4" s="114"/>
      <c r="BB4" s="116"/>
    </row>
    <row r="5" spans="1:54" s="7" customFormat="1" ht="10.5" customHeight="1" x14ac:dyDescent="0.15">
      <c r="A5" s="132"/>
      <c r="B5" s="133"/>
      <c r="C5" s="148" t="s">
        <v>22</v>
      </c>
      <c r="D5" s="149"/>
      <c r="E5" s="150"/>
      <c r="F5" s="82" t="s">
        <v>23</v>
      </c>
      <c r="G5" s="80"/>
      <c r="H5" s="151"/>
      <c r="I5" s="79" t="s">
        <v>24</v>
      </c>
      <c r="J5" s="80"/>
      <c r="K5" s="81"/>
      <c r="L5" s="82" t="s">
        <v>25</v>
      </c>
      <c r="M5" s="80"/>
      <c r="N5" s="83"/>
      <c r="O5" s="132"/>
      <c r="P5" s="133"/>
      <c r="Q5" s="120"/>
      <c r="R5" s="121"/>
      <c r="S5" s="121"/>
      <c r="T5" s="120"/>
      <c r="U5" s="121"/>
      <c r="V5" s="123"/>
      <c r="W5" s="125"/>
      <c r="X5" s="121"/>
      <c r="Y5" s="123"/>
      <c r="Z5" s="125"/>
      <c r="AA5" s="127"/>
      <c r="AB5" s="132"/>
      <c r="AC5" s="133"/>
      <c r="AD5" s="129"/>
      <c r="AE5" s="14"/>
      <c r="AF5" s="15"/>
      <c r="AG5" s="84" t="s">
        <v>26</v>
      </c>
      <c r="AH5" s="85"/>
      <c r="AI5" s="101"/>
      <c r="AJ5" s="103"/>
      <c r="AK5" s="96"/>
      <c r="AL5" s="97"/>
      <c r="AM5" s="86" t="s">
        <v>27</v>
      </c>
      <c r="AN5" s="88" t="s">
        <v>28</v>
      </c>
      <c r="AO5" s="90" t="s">
        <v>29</v>
      </c>
      <c r="AP5" s="16"/>
      <c r="AQ5" s="17"/>
      <c r="AR5" s="106"/>
      <c r="AS5" s="107"/>
      <c r="AT5" s="18" t="s">
        <v>30</v>
      </c>
      <c r="AU5" s="19"/>
      <c r="AV5" s="8" t="s">
        <v>31</v>
      </c>
      <c r="AW5" s="9"/>
      <c r="AX5" s="20" t="s">
        <v>32</v>
      </c>
      <c r="AY5" s="21"/>
      <c r="AZ5" s="20" t="s">
        <v>33</v>
      </c>
      <c r="BA5" s="19"/>
      <c r="BB5" s="117"/>
    </row>
    <row r="6" spans="1:54" s="7" customFormat="1" ht="11.25" customHeight="1" thickBot="1" x14ac:dyDescent="0.2">
      <c r="A6" s="134"/>
      <c r="B6" s="135"/>
      <c r="C6" s="22" t="s">
        <v>34</v>
      </c>
      <c r="D6" s="23" t="s">
        <v>35</v>
      </c>
      <c r="E6" s="24" t="s">
        <v>36</v>
      </c>
      <c r="F6" s="22" t="s">
        <v>34</v>
      </c>
      <c r="G6" s="23" t="s">
        <v>35</v>
      </c>
      <c r="H6" s="25" t="s">
        <v>36</v>
      </c>
      <c r="I6" s="26" t="s">
        <v>34</v>
      </c>
      <c r="J6" s="23" t="s">
        <v>35</v>
      </c>
      <c r="K6" s="24" t="s">
        <v>36</v>
      </c>
      <c r="L6" s="22" t="s">
        <v>34</v>
      </c>
      <c r="M6" s="23" t="s">
        <v>35</v>
      </c>
      <c r="N6" s="27" t="s">
        <v>36</v>
      </c>
      <c r="O6" s="134"/>
      <c r="P6" s="135"/>
      <c r="Q6" s="26" t="s">
        <v>34</v>
      </c>
      <c r="R6" s="22" t="s">
        <v>37</v>
      </c>
      <c r="S6" s="24" t="s">
        <v>36</v>
      </c>
      <c r="T6" s="26" t="s">
        <v>34</v>
      </c>
      <c r="U6" s="23" t="s">
        <v>35</v>
      </c>
      <c r="V6" s="22" t="s">
        <v>36</v>
      </c>
      <c r="W6" s="22" t="s">
        <v>34</v>
      </c>
      <c r="X6" s="23" t="s">
        <v>35</v>
      </c>
      <c r="Y6" s="24" t="s">
        <v>36</v>
      </c>
      <c r="Z6" s="22" t="s">
        <v>38</v>
      </c>
      <c r="AA6" s="27" t="s">
        <v>36</v>
      </c>
      <c r="AB6" s="134"/>
      <c r="AC6" s="135"/>
      <c r="AD6" s="28" t="s">
        <v>39</v>
      </c>
      <c r="AE6" s="24" t="s">
        <v>40</v>
      </c>
      <c r="AF6" s="22" t="s">
        <v>41</v>
      </c>
      <c r="AG6" s="22" t="s">
        <v>42</v>
      </c>
      <c r="AH6" s="22" t="s">
        <v>43</v>
      </c>
      <c r="AI6" s="22" t="s">
        <v>40</v>
      </c>
      <c r="AJ6" s="25" t="s">
        <v>41</v>
      </c>
      <c r="AK6" s="26" t="s">
        <v>40</v>
      </c>
      <c r="AL6" s="24" t="s">
        <v>41</v>
      </c>
      <c r="AM6" s="87"/>
      <c r="AN6" s="89"/>
      <c r="AO6" s="91"/>
      <c r="AP6" s="29" t="s">
        <v>34</v>
      </c>
      <c r="AQ6" s="27" t="s">
        <v>44</v>
      </c>
      <c r="AR6" s="108"/>
      <c r="AS6" s="109"/>
      <c r="AT6" s="24" t="s">
        <v>34</v>
      </c>
      <c r="AU6" s="24" t="s">
        <v>36</v>
      </c>
      <c r="AV6" s="24" t="s">
        <v>34</v>
      </c>
      <c r="AW6" s="24" t="s">
        <v>41</v>
      </c>
      <c r="AX6" s="24" t="s">
        <v>34</v>
      </c>
      <c r="AY6" s="22" t="s">
        <v>41</v>
      </c>
      <c r="AZ6" s="24" t="s">
        <v>34</v>
      </c>
      <c r="BA6" s="22" t="s">
        <v>41</v>
      </c>
      <c r="BB6" s="30" t="s">
        <v>34</v>
      </c>
    </row>
    <row r="7" spans="1:54" s="7" customFormat="1" ht="12.75" customHeight="1" thickTop="1" x14ac:dyDescent="0.15">
      <c r="A7" s="31">
        <v>1</v>
      </c>
      <c r="B7" s="32" t="s">
        <v>45</v>
      </c>
      <c r="C7" s="33">
        <v>2931</v>
      </c>
      <c r="D7" s="33">
        <v>23411</v>
      </c>
      <c r="E7" s="33">
        <v>1627091750</v>
      </c>
      <c r="F7" s="33">
        <v>197338</v>
      </c>
      <c r="G7" s="33">
        <v>303799</v>
      </c>
      <c r="H7" s="33">
        <v>1738902838</v>
      </c>
      <c r="I7" s="33">
        <v>26153</v>
      </c>
      <c r="J7" s="33">
        <v>39072</v>
      </c>
      <c r="K7" s="33">
        <v>286447760</v>
      </c>
      <c r="L7" s="33">
        <v>226422</v>
      </c>
      <c r="M7" s="33">
        <v>366282</v>
      </c>
      <c r="N7" s="34">
        <v>3652442348</v>
      </c>
      <c r="O7" s="31">
        <v>1</v>
      </c>
      <c r="P7" s="32" t="s">
        <v>45</v>
      </c>
      <c r="Q7" s="33">
        <v>152083</v>
      </c>
      <c r="R7" s="33">
        <v>211778</v>
      </c>
      <c r="S7" s="33">
        <v>738098460</v>
      </c>
      <c r="T7" s="33">
        <v>2337</v>
      </c>
      <c r="U7" s="33">
        <v>43949</v>
      </c>
      <c r="V7" s="33">
        <v>28296780</v>
      </c>
      <c r="W7" s="33">
        <v>224</v>
      </c>
      <c r="X7" s="33">
        <v>1064</v>
      </c>
      <c r="Y7" s="33">
        <v>14833910</v>
      </c>
      <c r="Z7" s="33">
        <v>378729</v>
      </c>
      <c r="AA7" s="34">
        <v>4433671498</v>
      </c>
      <c r="AB7" s="31">
        <v>1</v>
      </c>
      <c r="AC7" s="32" t="s">
        <v>46</v>
      </c>
      <c r="AD7" s="33">
        <v>2</v>
      </c>
      <c r="AE7" s="33">
        <v>1359</v>
      </c>
      <c r="AF7" s="33">
        <v>20533904</v>
      </c>
      <c r="AG7" s="33">
        <v>85</v>
      </c>
      <c r="AH7" s="33">
        <v>1743688</v>
      </c>
      <c r="AI7" s="33">
        <v>1</v>
      </c>
      <c r="AJ7" s="35">
        <v>57380</v>
      </c>
      <c r="AK7" s="36">
        <v>380091</v>
      </c>
      <c r="AL7" s="37">
        <v>4454262782</v>
      </c>
      <c r="AM7" s="33">
        <v>3554379597</v>
      </c>
      <c r="AN7" s="33">
        <v>270597053</v>
      </c>
      <c r="AO7" s="35">
        <v>629286132</v>
      </c>
      <c r="AP7" s="33">
        <v>2919</v>
      </c>
      <c r="AQ7" s="34">
        <v>218149715</v>
      </c>
    </row>
    <row r="8" spans="1:54" s="7" customFormat="1" ht="12.75" customHeight="1" x14ac:dyDescent="0.15">
      <c r="A8" s="31">
        <v>2</v>
      </c>
      <c r="B8" s="32" t="s">
        <v>47</v>
      </c>
      <c r="C8" s="33">
        <v>1185</v>
      </c>
      <c r="D8" s="33">
        <v>8391</v>
      </c>
      <c r="E8" s="33">
        <v>555122680</v>
      </c>
      <c r="F8" s="33">
        <v>84318</v>
      </c>
      <c r="G8" s="33">
        <v>129852</v>
      </c>
      <c r="H8" s="33">
        <v>707434350</v>
      </c>
      <c r="I8" s="33">
        <v>11182</v>
      </c>
      <c r="J8" s="33">
        <v>15803</v>
      </c>
      <c r="K8" s="33">
        <v>113078220</v>
      </c>
      <c r="L8" s="33">
        <v>96685</v>
      </c>
      <c r="M8" s="33">
        <v>154046</v>
      </c>
      <c r="N8" s="34">
        <v>1375635250</v>
      </c>
      <c r="O8" s="31">
        <v>2</v>
      </c>
      <c r="P8" s="32" t="s">
        <v>47</v>
      </c>
      <c r="Q8" s="33">
        <v>66490</v>
      </c>
      <c r="R8" s="33">
        <v>92161</v>
      </c>
      <c r="S8" s="33">
        <v>331589190</v>
      </c>
      <c r="T8" s="33">
        <v>958</v>
      </c>
      <c r="U8" s="33">
        <v>15573</v>
      </c>
      <c r="V8" s="33">
        <v>9977066</v>
      </c>
      <c r="W8" s="33">
        <v>160</v>
      </c>
      <c r="X8" s="33">
        <v>972</v>
      </c>
      <c r="Y8" s="33">
        <v>11668900</v>
      </c>
      <c r="Z8" s="33">
        <v>163335</v>
      </c>
      <c r="AA8" s="34">
        <v>1728870406</v>
      </c>
      <c r="AB8" s="31">
        <v>2</v>
      </c>
      <c r="AC8" s="32" t="s">
        <v>48</v>
      </c>
      <c r="AD8" s="33">
        <v>10</v>
      </c>
      <c r="AE8" s="33">
        <v>475</v>
      </c>
      <c r="AF8" s="33">
        <v>7602143</v>
      </c>
      <c r="AG8" s="33">
        <v>14</v>
      </c>
      <c r="AH8" s="33">
        <v>695781</v>
      </c>
      <c r="AI8" s="33">
        <v>0</v>
      </c>
      <c r="AJ8" s="35">
        <v>0</v>
      </c>
      <c r="AK8" s="36">
        <v>163820</v>
      </c>
      <c r="AL8" s="37">
        <v>1736472549</v>
      </c>
      <c r="AM8" s="33">
        <v>1386003383</v>
      </c>
      <c r="AN8" s="33">
        <v>85617125</v>
      </c>
      <c r="AO8" s="35">
        <v>264852041</v>
      </c>
      <c r="AP8" s="33">
        <v>985</v>
      </c>
      <c r="AQ8" s="34">
        <v>72618833</v>
      </c>
    </row>
    <row r="9" spans="1:54" s="7" customFormat="1" ht="12.75" customHeight="1" x14ac:dyDescent="0.15">
      <c r="A9" s="31">
        <v>3</v>
      </c>
      <c r="B9" s="32" t="s">
        <v>50</v>
      </c>
      <c r="C9" s="33">
        <v>383</v>
      </c>
      <c r="D9" s="33">
        <v>2275</v>
      </c>
      <c r="E9" s="33">
        <v>166102170</v>
      </c>
      <c r="F9" s="33">
        <v>25352</v>
      </c>
      <c r="G9" s="33">
        <v>36708</v>
      </c>
      <c r="H9" s="33">
        <v>208807830</v>
      </c>
      <c r="I9" s="33">
        <v>3761</v>
      </c>
      <c r="J9" s="33">
        <v>5411</v>
      </c>
      <c r="K9" s="33">
        <v>41520930</v>
      </c>
      <c r="L9" s="33">
        <v>29496</v>
      </c>
      <c r="M9" s="33">
        <v>44394</v>
      </c>
      <c r="N9" s="34">
        <v>416430930</v>
      </c>
      <c r="O9" s="31">
        <v>3</v>
      </c>
      <c r="P9" s="32" t="s">
        <v>49</v>
      </c>
      <c r="Q9" s="33">
        <v>19143</v>
      </c>
      <c r="R9" s="33">
        <v>26009</v>
      </c>
      <c r="S9" s="33">
        <v>95615830</v>
      </c>
      <c r="T9" s="33">
        <v>336</v>
      </c>
      <c r="U9" s="33">
        <v>5054</v>
      </c>
      <c r="V9" s="33">
        <v>3240830</v>
      </c>
      <c r="W9" s="33">
        <v>17</v>
      </c>
      <c r="X9" s="33">
        <v>46</v>
      </c>
      <c r="Y9" s="33">
        <v>706320</v>
      </c>
      <c r="Z9" s="33">
        <v>48656</v>
      </c>
      <c r="AA9" s="34">
        <v>515993910</v>
      </c>
      <c r="AB9" s="31">
        <v>3</v>
      </c>
      <c r="AC9" s="32" t="s">
        <v>50</v>
      </c>
      <c r="AD9" s="33">
        <v>0</v>
      </c>
      <c r="AE9" s="33">
        <v>190</v>
      </c>
      <c r="AF9" s="33">
        <v>2057028</v>
      </c>
      <c r="AG9" s="33">
        <v>2</v>
      </c>
      <c r="AH9" s="33">
        <v>27067</v>
      </c>
      <c r="AI9" s="33">
        <v>0</v>
      </c>
      <c r="AJ9" s="35">
        <v>0</v>
      </c>
      <c r="AK9" s="36">
        <v>48846</v>
      </c>
      <c r="AL9" s="37">
        <v>518050938</v>
      </c>
      <c r="AM9" s="33">
        <v>413348319</v>
      </c>
      <c r="AN9" s="33">
        <v>24946259</v>
      </c>
      <c r="AO9" s="35">
        <v>79756360</v>
      </c>
      <c r="AP9" s="33">
        <v>263</v>
      </c>
      <c r="AQ9" s="34">
        <v>19768993</v>
      </c>
    </row>
    <row r="10" spans="1:54" s="7" customFormat="1" ht="12.75" customHeight="1" x14ac:dyDescent="0.15">
      <c r="A10" s="31">
        <v>4</v>
      </c>
      <c r="B10" s="32" t="s">
        <v>51</v>
      </c>
      <c r="C10" s="33">
        <v>216</v>
      </c>
      <c r="D10" s="33">
        <v>1484</v>
      </c>
      <c r="E10" s="33">
        <v>104618700</v>
      </c>
      <c r="F10" s="33">
        <v>16098</v>
      </c>
      <c r="G10" s="33">
        <v>23600</v>
      </c>
      <c r="H10" s="33">
        <v>140702230</v>
      </c>
      <c r="I10" s="33">
        <v>2030</v>
      </c>
      <c r="J10" s="33">
        <v>2995</v>
      </c>
      <c r="K10" s="33">
        <v>22988490</v>
      </c>
      <c r="L10" s="33">
        <v>18344</v>
      </c>
      <c r="M10" s="33">
        <v>28079</v>
      </c>
      <c r="N10" s="34">
        <v>268309420</v>
      </c>
      <c r="O10" s="31">
        <v>4</v>
      </c>
      <c r="P10" s="32" t="s">
        <v>51</v>
      </c>
      <c r="Q10" s="33">
        <v>11797</v>
      </c>
      <c r="R10" s="33">
        <v>15968</v>
      </c>
      <c r="S10" s="33">
        <v>54535480</v>
      </c>
      <c r="T10" s="33">
        <v>194</v>
      </c>
      <c r="U10" s="33">
        <v>3088</v>
      </c>
      <c r="V10" s="33">
        <v>1986198</v>
      </c>
      <c r="W10" s="33">
        <v>1</v>
      </c>
      <c r="X10" s="33">
        <v>6</v>
      </c>
      <c r="Y10" s="33">
        <v>62600</v>
      </c>
      <c r="Z10" s="33">
        <v>30142</v>
      </c>
      <c r="AA10" s="34">
        <v>324893698</v>
      </c>
      <c r="AB10" s="31">
        <v>4</v>
      </c>
      <c r="AC10" s="32" t="s">
        <v>51</v>
      </c>
      <c r="AD10" s="33">
        <v>0</v>
      </c>
      <c r="AE10" s="33">
        <v>98</v>
      </c>
      <c r="AF10" s="33">
        <v>1792838</v>
      </c>
      <c r="AG10" s="33">
        <v>0</v>
      </c>
      <c r="AH10" s="33">
        <v>0</v>
      </c>
      <c r="AI10" s="33">
        <v>0</v>
      </c>
      <c r="AJ10" s="35">
        <v>0</v>
      </c>
      <c r="AK10" s="36">
        <v>30240</v>
      </c>
      <c r="AL10" s="37">
        <v>326686536</v>
      </c>
      <c r="AM10" s="33">
        <v>260683132</v>
      </c>
      <c r="AN10" s="33">
        <v>11899083</v>
      </c>
      <c r="AO10" s="35">
        <v>54104321</v>
      </c>
      <c r="AP10" s="33">
        <v>62</v>
      </c>
      <c r="AQ10" s="34">
        <v>11352399</v>
      </c>
    </row>
    <row r="11" spans="1:54" s="7" customFormat="1" ht="12.75" customHeight="1" x14ac:dyDescent="0.15">
      <c r="A11" s="31">
        <v>5</v>
      </c>
      <c r="B11" s="32" t="s">
        <v>52</v>
      </c>
      <c r="C11" s="33">
        <v>145</v>
      </c>
      <c r="D11" s="33">
        <v>1137</v>
      </c>
      <c r="E11" s="33">
        <v>90337405</v>
      </c>
      <c r="F11" s="33">
        <v>9839</v>
      </c>
      <c r="G11" s="33">
        <v>14314</v>
      </c>
      <c r="H11" s="33">
        <v>85711170</v>
      </c>
      <c r="I11" s="33">
        <v>1373</v>
      </c>
      <c r="J11" s="33">
        <v>1913</v>
      </c>
      <c r="K11" s="33">
        <v>14391910</v>
      </c>
      <c r="L11" s="33">
        <v>11357</v>
      </c>
      <c r="M11" s="33">
        <v>17364</v>
      </c>
      <c r="N11" s="34">
        <v>190440485</v>
      </c>
      <c r="O11" s="31">
        <v>5</v>
      </c>
      <c r="P11" s="32" t="s">
        <v>52</v>
      </c>
      <c r="Q11" s="33">
        <v>6937</v>
      </c>
      <c r="R11" s="33">
        <v>8760</v>
      </c>
      <c r="S11" s="33">
        <v>28342660</v>
      </c>
      <c r="T11" s="33">
        <v>112</v>
      </c>
      <c r="U11" s="33">
        <v>2504</v>
      </c>
      <c r="V11" s="33">
        <v>1618724</v>
      </c>
      <c r="W11" s="33">
        <v>15</v>
      </c>
      <c r="X11" s="33">
        <v>35</v>
      </c>
      <c r="Y11" s="33">
        <v>469950</v>
      </c>
      <c r="Z11" s="33">
        <v>18309</v>
      </c>
      <c r="AA11" s="34">
        <v>220871819</v>
      </c>
      <c r="AB11" s="31">
        <v>5</v>
      </c>
      <c r="AC11" s="32" t="s">
        <v>53</v>
      </c>
      <c r="AD11" s="33">
        <v>0</v>
      </c>
      <c r="AE11" s="33">
        <v>60</v>
      </c>
      <c r="AF11" s="33">
        <v>569268</v>
      </c>
      <c r="AG11" s="33">
        <v>0</v>
      </c>
      <c r="AH11" s="33">
        <v>0</v>
      </c>
      <c r="AI11" s="33">
        <v>0</v>
      </c>
      <c r="AJ11" s="35">
        <v>0</v>
      </c>
      <c r="AK11" s="36">
        <v>18369</v>
      </c>
      <c r="AL11" s="37">
        <v>221441087</v>
      </c>
      <c r="AM11" s="33">
        <v>176691872</v>
      </c>
      <c r="AN11" s="33">
        <v>12515702</v>
      </c>
      <c r="AO11" s="35">
        <v>32233513</v>
      </c>
      <c r="AP11" s="33">
        <v>53</v>
      </c>
      <c r="AQ11" s="34">
        <v>12506748</v>
      </c>
    </row>
    <row r="12" spans="1:54" s="7" customFormat="1" ht="12.75" customHeight="1" x14ac:dyDescent="0.15">
      <c r="A12" s="31">
        <v>6</v>
      </c>
      <c r="B12" s="32" t="s">
        <v>55</v>
      </c>
      <c r="C12" s="33">
        <v>333</v>
      </c>
      <c r="D12" s="33">
        <v>2465</v>
      </c>
      <c r="E12" s="33">
        <v>166258090</v>
      </c>
      <c r="F12" s="33">
        <v>26710</v>
      </c>
      <c r="G12" s="33">
        <v>40554</v>
      </c>
      <c r="H12" s="33">
        <v>232865710</v>
      </c>
      <c r="I12" s="33">
        <v>3900</v>
      </c>
      <c r="J12" s="33">
        <v>5557</v>
      </c>
      <c r="K12" s="33">
        <v>39924380</v>
      </c>
      <c r="L12" s="33">
        <v>30943</v>
      </c>
      <c r="M12" s="33">
        <v>48576</v>
      </c>
      <c r="N12" s="34">
        <v>439048180</v>
      </c>
      <c r="O12" s="31">
        <v>6</v>
      </c>
      <c r="P12" s="32" t="s">
        <v>54</v>
      </c>
      <c r="Q12" s="33">
        <v>20601</v>
      </c>
      <c r="R12" s="33">
        <v>29055</v>
      </c>
      <c r="S12" s="33">
        <v>110469150</v>
      </c>
      <c r="T12" s="33">
        <v>273</v>
      </c>
      <c r="U12" s="33">
        <v>4679</v>
      </c>
      <c r="V12" s="33">
        <v>3027803</v>
      </c>
      <c r="W12" s="33">
        <v>46</v>
      </c>
      <c r="X12" s="33">
        <v>271</v>
      </c>
      <c r="Y12" s="33">
        <v>2986300</v>
      </c>
      <c r="Z12" s="33">
        <v>51590</v>
      </c>
      <c r="AA12" s="34">
        <v>555531433</v>
      </c>
      <c r="AB12" s="31">
        <v>6</v>
      </c>
      <c r="AC12" s="32" t="s">
        <v>55</v>
      </c>
      <c r="AD12" s="33">
        <v>0</v>
      </c>
      <c r="AE12" s="33">
        <v>160</v>
      </c>
      <c r="AF12" s="33">
        <v>2871006</v>
      </c>
      <c r="AG12" s="33">
        <v>19</v>
      </c>
      <c r="AH12" s="33">
        <v>151744</v>
      </c>
      <c r="AI12" s="33">
        <v>0</v>
      </c>
      <c r="AJ12" s="35">
        <v>0</v>
      </c>
      <c r="AK12" s="36">
        <v>51750</v>
      </c>
      <c r="AL12" s="37">
        <v>558402439</v>
      </c>
      <c r="AM12" s="33">
        <v>445701142</v>
      </c>
      <c r="AN12" s="33">
        <v>20478391</v>
      </c>
      <c r="AO12" s="35">
        <v>92222906</v>
      </c>
      <c r="AP12" s="33">
        <v>144</v>
      </c>
      <c r="AQ12" s="34">
        <v>18526379</v>
      </c>
    </row>
    <row r="13" spans="1:54" s="7" customFormat="1" ht="12.75" customHeight="1" x14ac:dyDescent="0.15">
      <c r="A13" s="31">
        <v>7</v>
      </c>
      <c r="B13" s="32" t="s">
        <v>57</v>
      </c>
      <c r="C13" s="33">
        <v>169</v>
      </c>
      <c r="D13" s="33">
        <v>1392</v>
      </c>
      <c r="E13" s="33">
        <v>88315287</v>
      </c>
      <c r="F13" s="33">
        <v>9764</v>
      </c>
      <c r="G13" s="33">
        <v>14961</v>
      </c>
      <c r="H13" s="33">
        <v>86652055</v>
      </c>
      <c r="I13" s="33">
        <v>1452</v>
      </c>
      <c r="J13" s="33">
        <v>2170</v>
      </c>
      <c r="K13" s="33">
        <v>15095530</v>
      </c>
      <c r="L13" s="33">
        <v>11385</v>
      </c>
      <c r="M13" s="33">
        <v>18523</v>
      </c>
      <c r="N13" s="34">
        <v>190062872</v>
      </c>
      <c r="O13" s="31">
        <v>7</v>
      </c>
      <c r="P13" s="32" t="s">
        <v>56</v>
      </c>
      <c r="Q13" s="33">
        <v>7428</v>
      </c>
      <c r="R13" s="33">
        <v>10756</v>
      </c>
      <c r="S13" s="33">
        <v>33997550</v>
      </c>
      <c r="T13" s="33">
        <v>154</v>
      </c>
      <c r="U13" s="33">
        <v>3073</v>
      </c>
      <c r="V13" s="33">
        <v>2111308</v>
      </c>
      <c r="W13" s="33">
        <v>15</v>
      </c>
      <c r="X13" s="33">
        <v>59</v>
      </c>
      <c r="Y13" s="33">
        <v>681270</v>
      </c>
      <c r="Z13" s="33">
        <v>18828</v>
      </c>
      <c r="AA13" s="34">
        <v>226853000</v>
      </c>
      <c r="AB13" s="31">
        <v>7</v>
      </c>
      <c r="AC13" s="32" t="s">
        <v>56</v>
      </c>
      <c r="AD13" s="33">
        <v>0</v>
      </c>
      <c r="AE13" s="33">
        <v>54</v>
      </c>
      <c r="AF13" s="33">
        <v>646315</v>
      </c>
      <c r="AG13" s="33">
        <v>0</v>
      </c>
      <c r="AH13" s="33">
        <v>0</v>
      </c>
      <c r="AI13" s="33">
        <v>0</v>
      </c>
      <c r="AJ13" s="35">
        <v>0</v>
      </c>
      <c r="AK13" s="36">
        <v>18882</v>
      </c>
      <c r="AL13" s="37">
        <v>227499315</v>
      </c>
      <c r="AM13" s="33">
        <v>181492919</v>
      </c>
      <c r="AN13" s="33">
        <v>13341373</v>
      </c>
      <c r="AO13" s="35">
        <v>32665023</v>
      </c>
      <c r="AP13" s="33">
        <v>145</v>
      </c>
      <c r="AQ13" s="34">
        <v>11551489</v>
      </c>
    </row>
    <row r="14" spans="1:54" s="7" customFormat="1" ht="12.75" customHeight="1" x14ac:dyDescent="0.15">
      <c r="A14" s="31">
        <v>8</v>
      </c>
      <c r="B14" s="32" t="s">
        <v>59</v>
      </c>
      <c r="C14" s="33">
        <v>209</v>
      </c>
      <c r="D14" s="33">
        <v>1373</v>
      </c>
      <c r="E14" s="33">
        <v>93025660</v>
      </c>
      <c r="F14" s="33">
        <v>14319</v>
      </c>
      <c r="G14" s="33">
        <v>21456</v>
      </c>
      <c r="H14" s="33">
        <v>114562210</v>
      </c>
      <c r="I14" s="33">
        <v>2010</v>
      </c>
      <c r="J14" s="33">
        <v>2904</v>
      </c>
      <c r="K14" s="33">
        <v>21265740</v>
      </c>
      <c r="L14" s="33">
        <v>16538</v>
      </c>
      <c r="M14" s="33">
        <v>25733</v>
      </c>
      <c r="N14" s="34">
        <v>228853610</v>
      </c>
      <c r="O14" s="31">
        <v>8</v>
      </c>
      <c r="P14" s="32" t="s">
        <v>58</v>
      </c>
      <c r="Q14" s="33">
        <v>10747</v>
      </c>
      <c r="R14" s="33">
        <v>14747</v>
      </c>
      <c r="S14" s="33">
        <v>50959840</v>
      </c>
      <c r="T14" s="33">
        <v>162</v>
      </c>
      <c r="U14" s="33">
        <v>2630</v>
      </c>
      <c r="V14" s="33">
        <v>1711362</v>
      </c>
      <c r="W14" s="33">
        <v>17</v>
      </c>
      <c r="X14" s="33">
        <v>115</v>
      </c>
      <c r="Y14" s="33">
        <v>1276390</v>
      </c>
      <c r="Z14" s="33">
        <v>27302</v>
      </c>
      <c r="AA14" s="34">
        <v>282801202</v>
      </c>
      <c r="AB14" s="31">
        <v>8</v>
      </c>
      <c r="AC14" s="32" t="s">
        <v>58</v>
      </c>
      <c r="AD14" s="33">
        <v>0</v>
      </c>
      <c r="AE14" s="33">
        <v>94</v>
      </c>
      <c r="AF14" s="33">
        <v>942394</v>
      </c>
      <c r="AG14" s="33">
        <v>9</v>
      </c>
      <c r="AH14" s="33">
        <v>119384</v>
      </c>
      <c r="AI14" s="33">
        <v>0</v>
      </c>
      <c r="AJ14" s="35">
        <v>0</v>
      </c>
      <c r="AK14" s="36">
        <v>27396</v>
      </c>
      <c r="AL14" s="37">
        <v>283743596</v>
      </c>
      <c r="AM14" s="33">
        <v>226407536</v>
      </c>
      <c r="AN14" s="33">
        <v>13683476</v>
      </c>
      <c r="AO14" s="35">
        <v>43652584</v>
      </c>
      <c r="AP14" s="33">
        <v>59</v>
      </c>
      <c r="AQ14" s="34">
        <v>9386359</v>
      </c>
    </row>
    <row r="15" spans="1:54" s="7" customFormat="1" ht="12.75" customHeight="1" x14ac:dyDescent="0.15">
      <c r="A15" s="31">
        <v>9</v>
      </c>
      <c r="B15" s="32" t="s">
        <v>60</v>
      </c>
      <c r="C15" s="33">
        <v>52</v>
      </c>
      <c r="D15" s="33">
        <v>704</v>
      </c>
      <c r="E15" s="33">
        <v>51318470</v>
      </c>
      <c r="F15" s="33">
        <v>3206</v>
      </c>
      <c r="G15" s="33">
        <v>4480</v>
      </c>
      <c r="H15" s="33">
        <v>26248500</v>
      </c>
      <c r="I15" s="33">
        <v>501</v>
      </c>
      <c r="J15" s="33">
        <v>704</v>
      </c>
      <c r="K15" s="33">
        <v>4959670</v>
      </c>
      <c r="L15" s="33">
        <v>3759</v>
      </c>
      <c r="M15" s="33">
        <v>5888</v>
      </c>
      <c r="N15" s="34">
        <v>82526640</v>
      </c>
      <c r="O15" s="31">
        <v>9</v>
      </c>
      <c r="P15" s="32" t="s">
        <v>60</v>
      </c>
      <c r="Q15" s="33">
        <v>2374</v>
      </c>
      <c r="R15" s="33">
        <v>3106</v>
      </c>
      <c r="S15" s="33">
        <v>10294660</v>
      </c>
      <c r="T15" s="33">
        <v>39</v>
      </c>
      <c r="U15" s="33">
        <v>1296</v>
      </c>
      <c r="V15" s="33">
        <v>832740</v>
      </c>
      <c r="W15" s="33">
        <v>7</v>
      </c>
      <c r="X15" s="33">
        <v>46</v>
      </c>
      <c r="Y15" s="33">
        <v>672320</v>
      </c>
      <c r="Z15" s="33">
        <v>6140</v>
      </c>
      <c r="AA15" s="34">
        <v>94326360</v>
      </c>
      <c r="AB15" s="31">
        <v>9</v>
      </c>
      <c r="AC15" s="32" t="s">
        <v>60</v>
      </c>
      <c r="AD15" s="33">
        <v>0</v>
      </c>
      <c r="AE15" s="33">
        <v>47</v>
      </c>
      <c r="AF15" s="33">
        <v>1494792</v>
      </c>
      <c r="AG15" s="33">
        <v>1</v>
      </c>
      <c r="AH15" s="33">
        <v>21581</v>
      </c>
      <c r="AI15" s="33">
        <v>0</v>
      </c>
      <c r="AJ15" s="35">
        <v>0</v>
      </c>
      <c r="AK15" s="36">
        <v>6187</v>
      </c>
      <c r="AL15" s="37">
        <v>95821152</v>
      </c>
      <c r="AM15" s="33">
        <v>76443724</v>
      </c>
      <c r="AN15" s="33">
        <v>9507098</v>
      </c>
      <c r="AO15" s="35">
        <v>9870330</v>
      </c>
      <c r="AP15" s="33">
        <v>32</v>
      </c>
      <c r="AQ15" s="34">
        <v>8088625</v>
      </c>
    </row>
    <row r="16" spans="1:54" s="7" customFormat="1" ht="12.75" customHeight="1" x14ac:dyDescent="0.15">
      <c r="A16" s="31">
        <v>10</v>
      </c>
      <c r="B16" s="32" t="s">
        <v>61</v>
      </c>
      <c r="C16" s="33">
        <v>762</v>
      </c>
      <c r="D16" s="33">
        <v>5121</v>
      </c>
      <c r="E16" s="33">
        <v>349261240</v>
      </c>
      <c r="F16" s="33">
        <v>47277</v>
      </c>
      <c r="G16" s="33">
        <v>69094</v>
      </c>
      <c r="H16" s="33">
        <v>397208590</v>
      </c>
      <c r="I16" s="33">
        <v>6203</v>
      </c>
      <c r="J16" s="33">
        <v>9187</v>
      </c>
      <c r="K16" s="33">
        <v>62764530</v>
      </c>
      <c r="L16" s="33">
        <v>54242</v>
      </c>
      <c r="M16" s="33">
        <v>83402</v>
      </c>
      <c r="N16" s="34">
        <v>809234360</v>
      </c>
      <c r="O16" s="31">
        <v>10</v>
      </c>
      <c r="P16" s="32" t="s">
        <v>61</v>
      </c>
      <c r="Q16" s="33">
        <v>36832</v>
      </c>
      <c r="R16" s="33">
        <v>50117</v>
      </c>
      <c r="S16" s="33">
        <v>170154440</v>
      </c>
      <c r="T16" s="33">
        <v>630</v>
      </c>
      <c r="U16" s="33">
        <v>9946</v>
      </c>
      <c r="V16" s="33">
        <v>6361088</v>
      </c>
      <c r="W16" s="33">
        <v>38</v>
      </c>
      <c r="X16" s="33">
        <v>224</v>
      </c>
      <c r="Y16" s="33">
        <v>2580630</v>
      </c>
      <c r="Z16" s="33">
        <v>91112</v>
      </c>
      <c r="AA16" s="34">
        <v>988330518</v>
      </c>
      <c r="AB16" s="31">
        <v>10</v>
      </c>
      <c r="AC16" s="32" t="s">
        <v>61</v>
      </c>
      <c r="AD16" s="33">
        <v>1</v>
      </c>
      <c r="AE16" s="33">
        <v>211</v>
      </c>
      <c r="AF16" s="33">
        <v>3530679</v>
      </c>
      <c r="AG16" s="33">
        <v>17</v>
      </c>
      <c r="AH16" s="33">
        <v>519371</v>
      </c>
      <c r="AI16" s="33">
        <v>1</v>
      </c>
      <c r="AJ16" s="35">
        <v>2245405</v>
      </c>
      <c r="AK16" s="36">
        <v>91325</v>
      </c>
      <c r="AL16" s="37">
        <v>994106602</v>
      </c>
      <c r="AM16" s="33">
        <v>793604484</v>
      </c>
      <c r="AN16" s="33">
        <v>48136273</v>
      </c>
      <c r="AO16" s="35">
        <v>152365845</v>
      </c>
      <c r="AP16" s="33">
        <v>357</v>
      </c>
      <c r="AQ16" s="34">
        <v>43514810</v>
      </c>
    </row>
    <row r="17" spans="1:43" s="7" customFormat="1" ht="12.75" customHeight="1" x14ac:dyDescent="0.15">
      <c r="A17" s="31">
        <v>11</v>
      </c>
      <c r="B17" s="32" t="s">
        <v>62</v>
      </c>
      <c r="C17" s="33">
        <v>56</v>
      </c>
      <c r="D17" s="33">
        <v>320</v>
      </c>
      <c r="E17" s="33">
        <v>23142460</v>
      </c>
      <c r="F17" s="33">
        <v>3453</v>
      </c>
      <c r="G17" s="33">
        <v>4792</v>
      </c>
      <c r="H17" s="33">
        <v>28567000</v>
      </c>
      <c r="I17" s="33">
        <v>462</v>
      </c>
      <c r="J17" s="33">
        <v>660</v>
      </c>
      <c r="K17" s="33">
        <v>4699370</v>
      </c>
      <c r="L17" s="33">
        <v>3971</v>
      </c>
      <c r="M17" s="33">
        <v>5772</v>
      </c>
      <c r="N17" s="34">
        <v>56408830</v>
      </c>
      <c r="O17" s="31">
        <v>11</v>
      </c>
      <c r="P17" s="32" t="s">
        <v>62</v>
      </c>
      <c r="Q17" s="33">
        <v>2648</v>
      </c>
      <c r="R17" s="33">
        <v>3489</v>
      </c>
      <c r="S17" s="33">
        <v>13602350</v>
      </c>
      <c r="T17" s="33">
        <v>47</v>
      </c>
      <c r="U17" s="33">
        <v>752</v>
      </c>
      <c r="V17" s="33">
        <v>478998</v>
      </c>
      <c r="W17" s="33">
        <v>0</v>
      </c>
      <c r="X17" s="33">
        <v>0</v>
      </c>
      <c r="Y17" s="33">
        <v>0</v>
      </c>
      <c r="Z17" s="33">
        <v>6619</v>
      </c>
      <c r="AA17" s="34">
        <v>70490178</v>
      </c>
      <c r="AB17" s="31">
        <v>11</v>
      </c>
      <c r="AC17" s="32" t="s">
        <v>62</v>
      </c>
      <c r="AD17" s="33">
        <v>0</v>
      </c>
      <c r="AE17" s="33">
        <v>20</v>
      </c>
      <c r="AF17" s="33">
        <v>165080</v>
      </c>
      <c r="AG17" s="33">
        <v>0</v>
      </c>
      <c r="AH17" s="33">
        <v>0</v>
      </c>
      <c r="AI17" s="33">
        <v>0</v>
      </c>
      <c r="AJ17" s="35">
        <v>0</v>
      </c>
      <c r="AK17" s="36">
        <v>6639</v>
      </c>
      <c r="AL17" s="37">
        <v>70655258</v>
      </c>
      <c r="AM17" s="33">
        <v>56358536</v>
      </c>
      <c r="AN17" s="33">
        <v>2555620</v>
      </c>
      <c r="AO17" s="35">
        <v>11741102</v>
      </c>
      <c r="AP17" s="33">
        <v>24</v>
      </c>
      <c r="AQ17" s="34">
        <v>1875379</v>
      </c>
    </row>
    <row r="18" spans="1:43" s="7" customFormat="1" ht="12.75" customHeight="1" x14ac:dyDescent="0.15">
      <c r="A18" s="31">
        <v>12</v>
      </c>
      <c r="B18" s="32" t="s">
        <v>63</v>
      </c>
      <c r="C18" s="33">
        <v>190</v>
      </c>
      <c r="D18" s="33">
        <v>1457</v>
      </c>
      <c r="E18" s="33">
        <v>67987430</v>
      </c>
      <c r="F18" s="33">
        <v>8964</v>
      </c>
      <c r="G18" s="33">
        <v>12310</v>
      </c>
      <c r="H18" s="33">
        <v>79167832</v>
      </c>
      <c r="I18" s="33">
        <v>1358</v>
      </c>
      <c r="J18" s="33">
        <v>2082</v>
      </c>
      <c r="K18" s="33">
        <v>13812790</v>
      </c>
      <c r="L18" s="33">
        <v>10512</v>
      </c>
      <c r="M18" s="33">
        <v>15849</v>
      </c>
      <c r="N18" s="34">
        <v>160968052</v>
      </c>
      <c r="O18" s="31">
        <v>12</v>
      </c>
      <c r="P18" s="32" t="s">
        <v>63</v>
      </c>
      <c r="Q18" s="33">
        <v>5897</v>
      </c>
      <c r="R18" s="33">
        <v>7716</v>
      </c>
      <c r="S18" s="33">
        <v>31585740</v>
      </c>
      <c r="T18" s="33">
        <v>139</v>
      </c>
      <c r="U18" s="33">
        <v>2641</v>
      </c>
      <c r="V18" s="33">
        <v>1653393</v>
      </c>
      <c r="W18" s="33">
        <v>21</v>
      </c>
      <c r="X18" s="33">
        <v>188</v>
      </c>
      <c r="Y18" s="33">
        <v>1959260</v>
      </c>
      <c r="Z18" s="33">
        <v>16430</v>
      </c>
      <c r="AA18" s="34">
        <v>196166445</v>
      </c>
      <c r="AB18" s="31">
        <v>12</v>
      </c>
      <c r="AC18" s="32" t="s">
        <v>63</v>
      </c>
      <c r="AD18" s="33">
        <v>2</v>
      </c>
      <c r="AE18" s="33">
        <v>41</v>
      </c>
      <c r="AF18" s="33">
        <v>697409</v>
      </c>
      <c r="AG18" s="33">
        <v>0</v>
      </c>
      <c r="AH18" s="33">
        <v>0</v>
      </c>
      <c r="AI18" s="33">
        <v>0</v>
      </c>
      <c r="AJ18" s="35">
        <v>0</v>
      </c>
      <c r="AK18" s="36">
        <v>16473</v>
      </c>
      <c r="AL18" s="37">
        <v>196863854</v>
      </c>
      <c r="AM18" s="33">
        <v>156921246</v>
      </c>
      <c r="AN18" s="33">
        <v>9300266</v>
      </c>
      <c r="AO18" s="35">
        <v>30642342</v>
      </c>
      <c r="AP18" s="33">
        <v>154</v>
      </c>
      <c r="AQ18" s="34">
        <v>8564536</v>
      </c>
    </row>
    <row r="19" spans="1:43" s="7" customFormat="1" ht="12.75" customHeight="1" x14ac:dyDescent="0.15">
      <c r="A19" s="31">
        <v>13</v>
      </c>
      <c r="B19" s="32" t="s">
        <v>64</v>
      </c>
      <c r="C19" s="33">
        <v>304</v>
      </c>
      <c r="D19" s="33">
        <v>2097</v>
      </c>
      <c r="E19" s="33">
        <v>110348210</v>
      </c>
      <c r="F19" s="33">
        <v>17566</v>
      </c>
      <c r="G19" s="33">
        <v>25543</v>
      </c>
      <c r="H19" s="33">
        <v>151696820</v>
      </c>
      <c r="I19" s="33">
        <v>2260</v>
      </c>
      <c r="J19" s="33">
        <v>3402</v>
      </c>
      <c r="K19" s="33">
        <v>23229040</v>
      </c>
      <c r="L19" s="33">
        <v>20130</v>
      </c>
      <c r="M19" s="33">
        <v>31042</v>
      </c>
      <c r="N19" s="34">
        <v>285274070</v>
      </c>
      <c r="O19" s="31">
        <v>13</v>
      </c>
      <c r="P19" s="32" t="s">
        <v>64</v>
      </c>
      <c r="Q19" s="33">
        <v>12241</v>
      </c>
      <c r="R19" s="33">
        <v>16640</v>
      </c>
      <c r="S19" s="33">
        <v>61738200</v>
      </c>
      <c r="T19" s="33">
        <v>189</v>
      </c>
      <c r="U19" s="33">
        <v>3379</v>
      </c>
      <c r="V19" s="33">
        <v>2175528</v>
      </c>
      <c r="W19" s="33">
        <v>45</v>
      </c>
      <c r="X19" s="33">
        <v>172</v>
      </c>
      <c r="Y19" s="33">
        <v>2747760</v>
      </c>
      <c r="Z19" s="33">
        <v>32416</v>
      </c>
      <c r="AA19" s="34">
        <v>351935558</v>
      </c>
      <c r="AB19" s="31">
        <v>13</v>
      </c>
      <c r="AC19" s="32" t="s">
        <v>64</v>
      </c>
      <c r="AD19" s="33">
        <v>0</v>
      </c>
      <c r="AE19" s="33">
        <v>105</v>
      </c>
      <c r="AF19" s="33">
        <v>1563714</v>
      </c>
      <c r="AG19" s="33">
        <v>0</v>
      </c>
      <c r="AH19" s="33">
        <v>0</v>
      </c>
      <c r="AI19" s="33">
        <v>0</v>
      </c>
      <c r="AJ19" s="35">
        <v>0</v>
      </c>
      <c r="AK19" s="36">
        <v>32521</v>
      </c>
      <c r="AL19" s="37">
        <v>353499272</v>
      </c>
      <c r="AM19" s="33">
        <v>282130169</v>
      </c>
      <c r="AN19" s="33">
        <v>15268631</v>
      </c>
      <c r="AO19" s="35">
        <v>56100472</v>
      </c>
      <c r="AP19" s="33">
        <v>126</v>
      </c>
      <c r="AQ19" s="34">
        <v>16173199</v>
      </c>
    </row>
    <row r="20" spans="1:43" s="7" customFormat="1" ht="12.75" customHeight="1" x14ac:dyDescent="0.15">
      <c r="A20" s="31">
        <v>14</v>
      </c>
      <c r="B20" s="32" t="s">
        <v>65</v>
      </c>
      <c r="C20" s="33">
        <v>211</v>
      </c>
      <c r="D20" s="33">
        <v>1567</v>
      </c>
      <c r="E20" s="33">
        <v>107496620</v>
      </c>
      <c r="F20" s="33">
        <v>16302</v>
      </c>
      <c r="G20" s="33">
        <v>23071</v>
      </c>
      <c r="H20" s="33">
        <v>135047920</v>
      </c>
      <c r="I20" s="33">
        <v>2388</v>
      </c>
      <c r="J20" s="33">
        <v>3591</v>
      </c>
      <c r="K20" s="33">
        <v>26327540</v>
      </c>
      <c r="L20" s="33">
        <v>18901</v>
      </c>
      <c r="M20" s="33">
        <v>28229</v>
      </c>
      <c r="N20" s="34">
        <v>268872080</v>
      </c>
      <c r="O20" s="31">
        <v>14</v>
      </c>
      <c r="P20" s="32" t="s">
        <v>65</v>
      </c>
      <c r="Q20" s="33">
        <v>12934</v>
      </c>
      <c r="R20" s="33">
        <v>17118</v>
      </c>
      <c r="S20" s="33">
        <v>60288190</v>
      </c>
      <c r="T20" s="33">
        <v>196</v>
      </c>
      <c r="U20" s="33">
        <v>3170</v>
      </c>
      <c r="V20" s="33">
        <v>2008569</v>
      </c>
      <c r="W20" s="33">
        <v>13</v>
      </c>
      <c r="X20" s="33">
        <v>100</v>
      </c>
      <c r="Y20" s="33">
        <v>1129660</v>
      </c>
      <c r="Z20" s="33">
        <v>31848</v>
      </c>
      <c r="AA20" s="34">
        <v>332298499</v>
      </c>
      <c r="AB20" s="31">
        <v>14</v>
      </c>
      <c r="AC20" s="32" t="s">
        <v>65</v>
      </c>
      <c r="AD20" s="33">
        <v>0</v>
      </c>
      <c r="AE20" s="33">
        <v>89</v>
      </c>
      <c r="AF20" s="33">
        <v>1084169</v>
      </c>
      <c r="AG20" s="33">
        <v>17</v>
      </c>
      <c r="AH20" s="33">
        <v>181761</v>
      </c>
      <c r="AI20" s="33">
        <v>0</v>
      </c>
      <c r="AJ20" s="35">
        <v>0</v>
      </c>
      <c r="AK20" s="36">
        <v>31937</v>
      </c>
      <c r="AL20" s="37">
        <v>333382668</v>
      </c>
      <c r="AM20" s="33">
        <v>266046221</v>
      </c>
      <c r="AN20" s="33">
        <v>16214566</v>
      </c>
      <c r="AO20" s="35">
        <v>51121881</v>
      </c>
      <c r="AP20" s="33">
        <v>81</v>
      </c>
      <c r="AQ20" s="34">
        <v>12149581</v>
      </c>
    </row>
    <row r="21" spans="1:43" s="7" customFormat="1" ht="12.75" customHeight="1" x14ac:dyDescent="0.15">
      <c r="A21" s="31">
        <v>15</v>
      </c>
      <c r="B21" s="32" t="s">
        <v>66</v>
      </c>
      <c r="C21" s="33">
        <v>90</v>
      </c>
      <c r="D21" s="33">
        <v>643</v>
      </c>
      <c r="E21" s="33">
        <v>43395688</v>
      </c>
      <c r="F21" s="33">
        <v>4791</v>
      </c>
      <c r="G21" s="33">
        <v>6588</v>
      </c>
      <c r="H21" s="33">
        <v>46415242</v>
      </c>
      <c r="I21" s="33">
        <v>681</v>
      </c>
      <c r="J21" s="33">
        <v>1041</v>
      </c>
      <c r="K21" s="33">
        <v>6520120</v>
      </c>
      <c r="L21" s="33">
        <v>5562</v>
      </c>
      <c r="M21" s="33">
        <v>8272</v>
      </c>
      <c r="N21" s="34">
        <v>96331050</v>
      </c>
      <c r="O21" s="31">
        <v>15</v>
      </c>
      <c r="P21" s="32" t="s">
        <v>66</v>
      </c>
      <c r="Q21" s="33">
        <v>3827</v>
      </c>
      <c r="R21" s="33">
        <v>4933</v>
      </c>
      <c r="S21" s="33">
        <v>18898920</v>
      </c>
      <c r="T21" s="33">
        <v>74</v>
      </c>
      <c r="U21" s="33">
        <v>1079</v>
      </c>
      <c r="V21" s="33">
        <v>661708</v>
      </c>
      <c r="W21" s="33">
        <v>5</v>
      </c>
      <c r="X21" s="33">
        <v>41</v>
      </c>
      <c r="Y21" s="33">
        <v>346600</v>
      </c>
      <c r="Z21" s="33">
        <v>9394</v>
      </c>
      <c r="AA21" s="34">
        <v>116238278</v>
      </c>
      <c r="AB21" s="31">
        <v>15</v>
      </c>
      <c r="AC21" s="32" t="s">
        <v>66</v>
      </c>
      <c r="AD21" s="33">
        <v>0</v>
      </c>
      <c r="AE21" s="33">
        <v>18</v>
      </c>
      <c r="AF21" s="33">
        <v>309658</v>
      </c>
      <c r="AG21" s="33">
        <v>2</v>
      </c>
      <c r="AH21" s="33">
        <v>7911</v>
      </c>
      <c r="AI21" s="33">
        <v>0</v>
      </c>
      <c r="AJ21" s="35">
        <v>0</v>
      </c>
      <c r="AK21" s="36">
        <v>9412</v>
      </c>
      <c r="AL21" s="37">
        <v>116547936</v>
      </c>
      <c r="AM21" s="33">
        <v>93032880</v>
      </c>
      <c r="AN21" s="33">
        <v>6359351</v>
      </c>
      <c r="AO21" s="35">
        <v>17155705</v>
      </c>
      <c r="AP21" s="33">
        <v>21</v>
      </c>
      <c r="AQ21" s="34">
        <v>3270825</v>
      </c>
    </row>
    <row r="22" spans="1:43" s="7" customFormat="1" ht="12.75" customHeight="1" x14ac:dyDescent="0.15">
      <c r="A22" s="31">
        <v>16</v>
      </c>
      <c r="B22" s="32" t="s">
        <v>67</v>
      </c>
      <c r="C22" s="33">
        <v>98</v>
      </c>
      <c r="D22" s="33">
        <v>733</v>
      </c>
      <c r="E22" s="33">
        <v>59441290</v>
      </c>
      <c r="F22" s="33">
        <v>6891</v>
      </c>
      <c r="G22" s="33">
        <v>9585</v>
      </c>
      <c r="H22" s="33">
        <v>61189120</v>
      </c>
      <c r="I22" s="33">
        <v>874</v>
      </c>
      <c r="J22" s="33">
        <v>1255</v>
      </c>
      <c r="K22" s="33">
        <v>8698150</v>
      </c>
      <c r="L22" s="33">
        <v>7863</v>
      </c>
      <c r="M22" s="33">
        <v>11573</v>
      </c>
      <c r="N22" s="34">
        <v>129328560</v>
      </c>
      <c r="O22" s="31">
        <v>16</v>
      </c>
      <c r="P22" s="32" t="s">
        <v>67</v>
      </c>
      <c r="Q22" s="33">
        <v>4599</v>
      </c>
      <c r="R22" s="33">
        <v>5917</v>
      </c>
      <c r="S22" s="33">
        <v>20667640</v>
      </c>
      <c r="T22" s="33">
        <v>78</v>
      </c>
      <c r="U22" s="33">
        <v>1499</v>
      </c>
      <c r="V22" s="33">
        <v>960688</v>
      </c>
      <c r="W22" s="33">
        <v>7</v>
      </c>
      <c r="X22" s="33">
        <v>40</v>
      </c>
      <c r="Y22" s="33">
        <v>525340</v>
      </c>
      <c r="Z22" s="33">
        <v>12469</v>
      </c>
      <c r="AA22" s="34">
        <v>151482228</v>
      </c>
      <c r="AB22" s="31">
        <v>16</v>
      </c>
      <c r="AC22" s="32" t="s">
        <v>67</v>
      </c>
      <c r="AD22" s="33">
        <v>0</v>
      </c>
      <c r="AE22" s="33">
        <v>28</v>
      </c>
      <c r="AF22" s="33">
        <v>462429</v>
      </c>
      <c r="AG22" s="33">
        <v>5</v>
      </c>
      <c r="AH22" s="33">
        <v>31431</v>
      </c>
      <c r="AI22" s="33">
        <v>0</v>
      </c>
      <c r="AJ22" s="35">
        <v>0</v>
      </c>
      <c r="AK22" s="36">
        <v>12497</v>
      </c>
      <c r="AL22" s="37">
        <v>151944657</v>
      </c>
      <c r="AM22" s="33">
        <v>121217422</v>
      </c>
      <c r="AN22" s="33">
        <v>8548054</v>
      </c>
      <c r="AO22" s="35">
        <v>22179181</v>
      </c>
      <c r="AP22" s="33">
        <v>37</v>
      </c>
      <c r="AQ22" s="34">
        <v>7970266</v>
      </c>
    </row>
    <row r="23" spans="1:43" s="7" customFormat="1" ht="12.75" customHeight="1" x14ac:dyDescent="0.15">
      <c r="A23" s="31">
        <v>17</v>
      </c>
      <c r="B23" s="32" t="s">
        <v>68</v>
      </c>
      <c r="C23" s="33">
        <v>144</v>
      </c>
      <c r="D23" s="33">
        <v>897</v>
      </c>
      <c r="E23" s="33">
        <v>46944670</v>
      </c>
      <c r="F23" s="33">
        <v>8191</v>
      </c>
      <c r="G23" s="33">
        <v>11201</v>
      </c>
      <c r="H23" s="33">
        <v>77836030</v>
      </c>
      <c r="I23" s="33">
        <v>1061</v>
      </c>
      <c r="J23" s="33">
        <v>1584</v>
      </c>
      <c r="K23" s="33">
        <v>11993940</v>
      </c>
      <c r="L23" s="33">
        <v>9396</v>
      </c>
      <c r="M23" s="33">
        <v>13682</v>
      </c>
      <c r="N23" s="34">
        <v>136774640</v>
      </c>
      <c r="O23" s="31">
        <v>17</v>
      </c>
      <c r="P23" s="32" t="s">
        <v>68</v>
      </c>
      <c r="Q23" s="33">
        <v>5860</v>
      </c>
      <c r="R23" s="33">
        <v>7579</v>
      </c>
      <c r="S23" s="33">
        <v>26234260</v>
      </c>
      <c r="T23" s="33">
        <v>106</v>
      </c>
      <c r="U23" s="33">
        <v>1959</v>
      </c>
      <c r="V23" s="33">
        <v>1263230</v>
      </c>
      <c r="W23" s="33">
        <v>13</v>
      </c>
      <c r="X23" s="33">
        <v>117</v>
      </c>
      <c r="Y23" s="33">
        <v>1089470</v>
      </c>
      <c r="Z23" s="33">
        <v>15269</v>
      </c>
      <c r="AA23" s="34">
        <v>165361600</v>
      </c>
      <c r="AB23" s="31">
        <v>17</v>
      </c>
      <c r="AC23" s="32" t="s">
        <v>68</v>
      </c>
      <c r="AD23" s="33">
        <v>0</v>
      </c>
      <c r="AE23" s="33">
        <v>50</v>
      </c>
      <c r="AF23" s="33">
        <v>595798</v>
      </c>
      <c r="AG23" s="33">
        <v>8</v>
      </c>
      <c r="AH23" s="33">
        <v>47660</v>
      </c>
      <c r="AI23" s="33">
        <v>0</v>
      </c>
      <c r="AJ23" s="35">
        <v>0</v>
      </c>
      <c r="AK23" s="36">
        <v>15319</v>
      </c>
      <c r="AL23" s="37">
        <v>165957398</v>
      </c>
      <c r="AM23" s="33">
        <v>132359147</v>
      </c>
      <c r="AN23" s="33">
        <v>6051215</v>
      </c>
      <c r="AO23" s="35">
        <v>27547036</v>
      </c>
      <c r="AP23" s="33">
        <v>94</v>
      </c>
      <c r="AQ23" s="34">
        <v>6021741</v>
      </c>
    </row>
    <row r="24" spans="1:43" s="7" customFormat="1" ht="12.75" customHeight="1" x14ac:dyDescent="0.15">
      <c r="A24" s="31">
        <v>18</v>
      </c>
      <c r="B24" s="32" t="s">
        <v>69</v>
      </c>
      <c r="C24" s="33">
        <v>25</v>
      </c>
      <c r="D24" s="33">
        <v>110</v>
      </c>
      <c r="E24" s="33">
        <v>5026290</v>
      </c>
      <c r="F24" s="33">
        <v>1898</v>
      </c>
      <c r="G24" s="33">
        <v>2746</v>
      </c>
      <c r="H24" s="33">
        <v>13284560</v>
      </c>
      <c r="I24" s="33">
        <v>251</v>
      </c>
      <c r="J24" s="33">
        <v>414</v>
      </c>
      <c r="K24" s="33">
        <v>2448650</v>
      </c>
      <c r="L24" s="33">
        <v>2174</v>
      </c>
      <c r="M24" s="33">
        <v>3270</v>
      </c>
      <c r="N24" s="34">
        <v>20759500</v>
      </c>
      <c r="O24" s="31">
        <v>18</v>
      </c>
      <c r="P24" s="32" t="s">
        <v>69</v>
      </c>
      <c r="Q24" s="33">
        <v>1584</v>
      </c>
      <c r="R24" s="33">
        <v>2219</v>
      </c>
      <c r="S24" s="33">
        <v>7071600</v>
      </c>
      <c r="T24" s="33">
        <v>20</v>
      </c>
      <c r="U24" s="33">
        <v>174</v>
      </c>
      <c r="V24" s="33">
        <v>111860</v>
      </c>
      <c r="W24" s="33">
        <v>0</v>
      </c>
      <c r="X24" s="33">
        <v>0</v>
      </c>
      <c r="Y24" s="33">
        <v>0</v>
      </c>
      <c r="Z24" s="33">
        <v>3758</v>
      </c>
      <c r="AA24" s="34">
        <v>27942960</v>
      </c>
      <c r="AB24" s="31">
        <v>18</v>
      </c>
      <c r="AC24" s="32" t="s">
        <v>69</v>
      </c>
      <c r="AD24" s="33">
        <v>0</v>
      </c>
      <c r="AE24" s="33">
        <v>9</v>
      </c>
      <c r="AF24" s="33">
        <v>55685</v>
      </c>
      <c r="AG24" s="33">
        <v>0</v>
      </c>
      <c r="AH24" s="33">
        <v>0</v>
      </c>
      <c r="AI24" s="33">
        <v>0</v>
      </c>
      <c r="AJ24" s="35">
        <v>0</v>
      </c>
      <c r="AK24" s="36">
        <v>3767</v>
      </c>
      <c r="AL24" s="37">
        <v>27998645</v>
      </c>
      <c r="AM24" s="33">
        <v>22365148</v>
      </c>
      <c r="AN24" s="33">
        <v>530480</v>
      </c>
      <c r="AO24" s="35">
        <v>5103017</v>
      </c>
      <c r="AP24" s="33">
        <v>8</v>
      </c>
      <c r="AQ24" s="34">
        <v>240682</v>
      </c>
    </row>
    <row r="25" spans="1:43" s="7" customFormat="1" ht="12.75" customHeight="1" thickBot="1" x14ac:dyDescent="0.2">
      <c r="A25" s="38">
        <v>21</v>
      </c>
      <c r="B25" s="39" t="s">
        <v>70</v>
      </c>
      <c r="C25" s="40">
        <v>130</v>
      </c>
      <c r="D25" s="40">
        <v>1243</v>
      </c>
      <c r="E25" s="40">
        <v>100022930</v>
      </c>
      <c r="F25" s="40">
        <v>7861</v>
      </c>
      <c r="G25" s="40">
        <v>10980</v>
      </c>
      <c r="H25" s="40">
        <v>66347820</v>
      </c>
      <c r="I25" s="40">
        <v>1155</v>
      </c>
      <c r="J25" s="40">
        <v>1652</v>
      </c>
      <c r="K25" s="40">
        <v>11386960</v>
      </c>
      <c r="L25" s="41">
        <v>9146</v>
      </c>
      <c r="M25" s="41">
        <v>13875</v>
      </c>
      <c r="N25" s="42">
        <v>177757710</v>
      </c>
      <c r="O25" s="38">
        <v>21</v>
      </c>
      <c r="P25" s="39" t="s">
        <v>70</v>
      </c>
      <c r="Q25" s="40">
        <v>6040</v>
      </c>
      <c r="R25" s="40">
        <v>7940</v>
      </c>
      <c r="S25" s="40">
        <v>30231480</v>
      </c>
      <c r="T25" s="40">
        <v>90</v>
      </c>
      <c r="U25" s="40">
        <v>1539</v>
      </c>
      <c r="V25" s="40">
        <v>989052</v>
      </c>
      <c r="W25" s="40">
        <v>17</v>
      </c>
      <c r="X25" s="43">
        <v>39</v>
      </c>
      <c r="Y25" s="40">
        <v>543110</v>
      </c>
      <c r="Z25" s="40">
        <v>15203</v>
      </c>
      <c r="AA25" s="44">
        <v>209521352</v>
      </c>
      <c r="AB25" s="38">
        <v>21</v>
      </c>
      <c r="AC25" s="39" t="s">
        <v>70</v>
      </c>
      <c r="AD25" s="40">
        <v>0</v>
      </c>
      <c r="AE25" s="40">
        <v>43</v>
      </c>
      <c r="AF25" s="40">
        <v>490253</v>
      </c>
      <c r="AG25" s="40">
        <v>9</v>
      </c>
      <c r="AH25" s="40">
        <v>100942</v>
      </c>
      <c r="AI25" s="40">
        <v>0</v>
      </c>
      <c r="AJ25" s="45">
        <v>0</v>
      </c>
      <c r="AK25" s="46">
        <v>15246</v>
      </c>
      <c r="AL25" s="47">
        <v>210011605</v>
      </c>
      <c r="AM25" s="40">
        <v>167691395</v>
      </c>
      <c r="AN25" s="40">
        <v>15511610</v>
      </c>
      <c r="AO25" s="45">
        <v>26808600</v>
      </c>
      <c r="AP25" s="40">
        <v>125</v>
      </c>
      <c r="AQ25" s="44">
        <v>13028758</v>
      </c>
    </row>
    <row r="26" spans="1:43" s="7" customFormat="1" ht="12.75" customHeight="1" thickTop="1" x14ac:dyDescent="0.15">
      <c r="A26" s="31">
        <v>19</v>
      </c>
      <c r="B26" s="32" t="s">
        <v>71</v>
      </c>
      <c r="C26" s="33">
        <v>41</v>
      </c>
      <c r="D26" s="33">
        <v>339</v>
      </c>
      <c r="E26" s="33">
        <v>27717070</v>
      </c>
      <c r="F26" s="33">
        <v>2251</v>
      </c>
      <c r="G26" s="33">
        <v>3260</v>
      </c>
      <c r="H26" s="33">
        <v>19289760</v>
      </c>
      <c r="I26" s="33">
        <v>450</v>
      </c>
      <c r="J26" s="33">
        <v>659</v>
      </c>
      <c r="K26" s="33">
        <v>5714590</v>
      </c>
      <c r="L26" s="33">
        <v>2742</v>
      </c>
      <c r="M26" s="33">
        <v>4258</v>
      </c>
      <c r="N26" s="34">
        <v>52721420</v>
      </c>
      <c r="O26" s="31">
        <v>19</v>
      </c>
      <c r="P26" s="32" t="s">
        <v>71</v>
      </c>
      <c r="Q26" s="33">
        <v>1654</v>
      </c>
      <c r="R26" s="33">
        <v>2183</v>
      </c>
      <c r="S26" s="33">
        <v>7338810</v>
      </c>
      <c r="T26" s="33">
        <v>36</v>
      </c>
      <c r="U26" s="33">
        <v>739</v>
      </c>
      <c r="V26" s="33">
        <v>476870</v>
      </c>
      <c r="W26" s="33">
        <v>0</v>
      </c>
      <c r="X26" s="33">
        <v>0</v>
      </c>
      <c r="Y26" s="33">
        <v>0</v>
      </c>
      <c r="Z26" s="33">
        <v>4396</v>
      </c>
      <c r="AA26" s="34">
        <v>60537100</v>
      </c>
      <c r="AB26" s="31">
        <v>19</v>
      </c>
      <c r="AC26" s="32" t="s">
        <v>71</v>
      </c>
      <c r="AD26" s="33">
        <v>0</v>
      </c>
      <c r="AE26" s="33">
        <v>6</v>
      </c>
      <c r="AF26" s="33">
        <v>56925</v>
      </c>
      <c r="AG26" s="33">
        <v>0</v>
      </c>
      <c r="AH26" s="33">
        <v>0</v>
      </c>
      <c r="AI26" s="33">
        <v>0</v>
      </c>
      <c r="AJ26" s="35">
        <v>0</v>
      </c>
      <c r="AK26" s="36">
        <v>4402</v>
      </c>
      <c r="AL26" s="37">
        <v>60594025</v>
      </c>
      <c r="AM26" s="33">
        <v>48348054</v>
      </c>
      <c r="AN26" s="33">
        <v>4375980</v>
      </c>
      <c r="AO26" s="35">
        <v>7869991</v>
      </c>
      <c r="AP26" s="33">
        <v>11</v>
      </c>
      <c r="AQ26" s="34">
        <v>3226152</v>
      </c>
    </row>
    <row r="27" spans="1:43" s="7" customFormat="1" ht="12.75" customHeight="1" x14ac:dyDescent="0.15">
      <c r="A27" s="31">
        <v>20</v>
      </c>
      <c r="B27" s="32" t="s">
        <v>72</v>
      </c>
      <c r="C27" s="33">
        <v>35</v>
      </c>
      <c r="D27" s="33">
        <v>161</v>
      </c>
      <c r="E27" s="33">
        <v>8615400</v>
      </c>
      <c r="F27" s="33">
        <v>3600</v>
      </c>
      <c r="G27" s="33">
        <v>5975</v>
      </c>
      <c r="H27" s="33">
        <v>30128480</v>
      </c>
      <c r="I27" s="33">
        <v>474</v>
      </c>
      <c r="J27" s="33">
        <v>671</v>
      </c>
      <c r="K27" s="33">
        <v>4320140</v>
      </c>
      <c r="L27" s="33">
        <v>4109</v>
      </c>
      <c r="M27" s="33">
        <v>6807</v>
      </c>
      <c r="N27" s="34">
        <v>43064020</v>
      </c>
      <c r="O27" s="31">
        <v>20</v>
      </c>
      <c r="P27" s="32" t="s">
        <v>72</v>
      </c>
      <c r="Q27" s="33">
        <v>2477</v>
      </c>
      <c r="R27" s="33">
        <v>3521</v>
      </c>
      <c r="S27" s="33">
        <v>11524790</v>
      </c>
      <c r="T27" s="33">
        <v>30</v>
      </c>
      <c r="U27" s="33">
        <v>333</v>
      </c>
      <c r="V27" s="33">
        <v>219220</v>
      </c>
      <c r="W27" s="33">
        <v>12</v>
      </c>
      <c r="X27" s="33">
        <v>101</v>
      </c>
      <c r="Y27" s="33">
        <v>1079670</v>
      </c>
      <c r="Z27" s="33">
        <v>6598</v>
      </c>
      <c r="AA27" s="34">
        <v>55887700</v>
      </c>
      <c r="AB27" s="31">
        <v>20</v>
      </c>
      <c r="AC27" s="32" t="s">
        <v>72</v>
      </c>
      <c r="AD27" s="33">
        <v>0</v>
      </c>
      <c r="AE27" s="33">
        <v>42</v>
      </c>
      <c r="AF27" s="33">
        <v>421241</v>
      </c>
      <c r="AG27" s="33">
        <v>0</v>
      </c>
      <c r="AH27" s="33">
        <v>0</v>
      </c>
      <c r="AI27" s="33">
        <v>0</v>
      </c>
      <c r="AJ27" s="35">
        <v>0</v>
      </c>
      <c r="AK27" s="36">
        <v>6640</v>
      </c>
      <c r="AL27" s="37">
        <v>56308941</v>
      </c>
      <c r="AM27" s="33">
        <v>44982716</v>
      </c>
      <c r="AN27" s="33">
        <v>1131585</v>
      </c>
      <c r="AO27" s="35">
        <v>10194640</v>
      </c>
      <c r="AP27" s="33">
        <v>17</v>
      </c>
      <c r="AQ27" s="34">
        <v>691635</v>
      </c>
    </row>
    <row r="28" spans="1:43" s="7" customFormat="1" ht="12.75" customHeight="1" x14ac:dyDescent="0.15">
      <c r="A28" s="31">
        <v>22</v>
      </c>
      <c r="B28" s="32" t="s">
        <v>73</v>
      </c>
      <c r="C28" s="33">
        <v>12</v>
      </c>
      <c r="D28" s="33">
        <v>48</v>
      </c>
      <c r="E28" s="33">
        <v>2794220</v>
      </c>
      <c r="F28" s="33">
        <v>1682</v>
      </c>
      <c r="G28" s="33">
        <v>2321</v>
      </c>
      <c r="H28" s="33">
        <v>15524420</v>
      </c>
      <c r="I28" s="33">
        <v>265</v>
      </c>
      <c r="J28" s="33">
        <v>366</v>
      </c>
      <c r="K28" s="33">
        <v>2583170</v>
      </c>
      <c r="L28" s="33">
        <v>1959</v>
      </c>
      <c r="M28" s="33">
        <v>2735</v>
      </c>
      <c r="N28" s="34">
        <v>20901810</v>
      </c>
      <c r="O28" s="31">
        <v>22</v>
      </c>
      <c r="P28" s="32" t="s">
        <v>73</v>
      </c>
      <c r="Q28" s="33">
        <v>1322</v>
      </c>
      <c r="R28" s="33">
        <v>1661</v>
      </c>
      <c r="S28" s="33">
        <v>6108080</v>
      </c>
      <c r="T28" s="33">
        <v>11</v>
      </c>
      <c r="U28" s="33">
        <v>107</v>
      </c>
      <c r="V28" s="33">
        <v>69630</v>
      </c>
      <c r="W28" s="33">
        <v>17</v>
      </c>
      <c r="X28" s="33">
        <v>50</v>
      </c>
      <c r="Y28" s="33">
        <v>645440</v>
      </c>
      <c r="Z28" s="33">
        <v>3298</v>
      </c>
      <c r="AA28" s="34">
        <v>27724960</v>
      </c>
      <c r="AB28" s="31">
        <v>22</v>
      </c>
      <c r="AC28" s="32" t="s">
        <v>73</v>
      </c>
      <c r="AD28" s="33">
        <v>0</v>
      </c>
      <c r="AE28" s="33">
        <v>6</v>
      </c>
      <c r="AF28" s="33">
        <v>31815</v>
      </c>
      <c r="AG28" s="33">
        <v>0</v>
      </c>
      <c r="AH28" s="33">
        <v>0</v>
      </c>
      <c r="AI28" s="33">
        <v>0</v>
      </c>
      <c r="AJ28" s="35">
        <v>0</v>
      </c>
      <c r="AK28" s="36">
        <v>3304</v>
      </c>
      <c r="AL28" s="37">
        <v>27756775</v>
      </c>
      <c r="AM28" s="33">
        <v>22182926</v>
      </c>
      <c r="AN28" s="33">
        <v>799578</v>
      </c>
      <c r="AO28" s="35">
        <v>4774271</v>
      </c>
      <c r="AP28" s="33">
        <v>33</v>
      </c>
      <c r="AQ28" s="34">
        <v>630382</v>
      </c>
    </row>
    <row r="29" spans="1:43" s="7" customFormat="1" ht="12.75" customHeight="1" x14ac:dyDescent="0.15">
      <c r="A29" s="31">
        <v>23</v>
      </c>
      <c r="B29" s="32" t="s">
        <v>74</v>
      </c>
      <c r="C29" s="33">
        <v>5</v>
      </c>
      <c r="D29" s="33">
        <v>25</v>
      </c>
      <c r="E29" s="33">
        <v>813810</v>
      </c>
      <c r="F29" s="33">
        <v>1033</v>
      </c>
      <c r="G29" s="33">
        <v>1692</v>
      </c>
      <c r="H29" s="33">
        <v>8684570</v>
      </c>
      <c r="I29" s="33">
        <v>137</v>
      </c>
      <c r="J29" s="33">
        <v>198</v>
      </c>
      <c r="K29" s="33">
        <v>1377100</v>
      </c>
      <c r="L29" s="33">
        <v>1175</v>
      </c>
      <c r="M29" s="33">
        <v>1915</v>
      </c>
      <c r="N29" s="34">
        <v>10875480</v>
      </c>
      <c r="O29" s="31">
        <v>23</v>
      </c>
      <c r="P29" s="32" t="s">
        <v>74</v>
      </c>
      <c r="Q29" s="33">
        <v>715</v>
      </c>
      <c r="R29" s="33">
        <v>974</v>
      </c>
      <c r="S29" s="33">
        <v>3123900</v>
      </c>
      <c r="T29" s="33">
        <v>4</v>
      </c>
      <c r="U29" s="33">
        <v>47</v>
      </c>
      <c r="V29" s="33">
        <v>30980</v>
      </c>
      <c r="W29" s="33">
        <v>0</v>
      </c>
      <c r="X29" s="33">
        <v>0</v>
      </c>
      <c r="Y29" s="33">
        <v>0</v>
      </c>
      <c r="Z29" s="33">
        <v>1890</v>
      </c>
      <c r="AA29" s="34">
        <v>14030360</v>
      </c>
      <c r="AB29" s="31">
        <v>23</v>
      </c>
      <c r="AC29" s="32" t="s">
        <v>74</v>
      </c>
      <c r="AD29" s="33">
        <v>0</v>
      </c>
      <c r="AE29" s="33">
        <v>5</v>
      </c>
      <c r="AF29" s="33">
        <v>192693</v>
      </c>
      <c r="AG29" s="33">
        <v>4</v>
      </c>
      <c r="AH29" s="33">
        <v>186321</v>
      </c>
      <c r="AI29" s="33">
        <v>0</v>
      </c>
      <c r="AJ29" s="35">
        <v>0</v>
      </c>
      <c r="AK29" s="36">
        <v>1895</v>
      </c>
      <c r="AL29" s="37">
        <v>14223053</v>
      </c>
      <c r="AM29" s="33">
        <v>11367717</v>
      </c>
      <c r="AN29" s="33">
        <v>104580</v>
      </c>
      <c r="AO29" s="35">
        <v>2750756</v>
      </c>
      <c r="AP29" s="33">
        <v>2</v>
      </c>
      <c r="AQ29" s="34">
        <v>32599</v>
      </c>
    </row>
    <row r="30" spans="1:43" s="7" customFormat="1" ht="12.75" customHeight="1" x14ac:dyDescent="0.15">
      <c r="A30" s="31">
        <v>24</v>
      </c>
      <c r="B30" s="32" t="s">
        <v>75</v>
      </c>
      <c r="C30" s="33">
        <v>4</v>
      </c>
      <c r="D30" s="33">
        <v>17</v>
      </c>
      <c r="E30" s="33">
        <v>1084890</v>
      </c>
      <c r="F30" s="33">
        <v>455</v>
      </c>
      <c r="G30" s="33">
        <v>686</v>
      </c>
      <c r="H30" s="33">
        <v>3454410</v>
      </c>
      <c r="I30" s="33">
        <v>58</v>
      </c>
      <c r="J30" s="33">
        <v>98</v>
      </c>
      <c r="K30" s="33">
        <v>602830</v>
      </c>
      <c r="L30" s="33">
        <v>517</v>
      </c>
      <c r="M30" s="33">
        <v>801</v>
      </c>
      <c r="N30" s="34">
        <v>5142130</v>
      </c>
      <c r="O30" s="31">
        <v>24</v>
      </c>
      <c r="P30" s="32" t="s">
        <v>75</v>
      </c>
      <c r="Q30" s="33">
        <v>373</v>
      </c>
      <c r="R30" s="33">
        <v>546</v>
      </c>
      <c r="S30" s="33">
        <v>1770240</v>
      </c>
      <c r="T30" s="33">
        <v>4</v>
      </c>
      <c r="U30" s="33">
        <v>26</v>
      </c>
      <c r="V30" s="33">
        <v>16790</v>
      </c>
      <c r="W30" s="33">
        <v>0</v>
      </c>
      <c r="X30" s="33">
        <v>0</v>
      </c>
      <c r="Y30" s="33">
        <v>0</v>
      </c>
      <c r="Z30" s="33">
        <v>890</v>
      </c>
      <c r="AA30" s="34">
        <v>6929160</v>
      </c>
      <c r="AB30" s="31">
        <v>24</v>
      </c>
      <c r="AC30" s="32" t="s">
        <v>75</v>
      </c>
      <c r="AD30" s="33">
        <v>0</v>
      </c>
      <c r="AE30" s="33">
        <v>2</v>
      </c>
      <c r="AF30" s="33">
        <v>7460</v>
      </c>
      <c r="AG30" s="33">
        <v>0</v>
      </c>
      <c r="AH30" s="33">
        <v>0</v>
      </c>
      <c r="AI30" s="33">
        <v>0</v>
      </c>
      <c r="AJ30" s="35">
        <v>0</v>
      </c>
      <c r="AK30" s="36">
        <v>892</v>
      </c>
      <c r="AL30" s="37">
        <v>6936620</v>
      </c>
      <c r="AM30" s="33">
        <v>5543294</v>
      </c>
      <c r="AN30" s="33">
        <v>57028</v>
      </c>
      <c r="AO30" s="35">
        <v>1336298</v>
      </c>
      <c r="AP30" s="33">
        <v>3</v>
      </c>
      <c r="AQ30" s="34">
        <v>31532</v>
      </c>
    </row>
    <row r="31" spans="1:43" s="7" customFormat="1" ht="12.75" customHeight="1" x14ac:dyDescent="0.15">
      <c r="A31" s="31">
        <v>25</v>
      </c>
      <c r="B31" s="32" t="s">
        <v>76</v>
      </c>
      <c r="C31" s="33">
        <v>13</v>
      </c>
      <c r="D31" s="33">
        <v>71</v>
      </c>
      <c r="E31" s="33">
        <v>3266590</v>
      </c>
      <c r="F31" s="33">
        <v>979</v>
      </c>
      <c r="G31" s="33">
        <v>1427</v>
      </c>
      <c r="H31" s="33">
        <v>7633170</v>
      </c>
      <c r="I31" s="33">
        <v>159</v>
      </c>
      <c r="J31" s="33">
        <v>255</v>
      </c>
      <c r="K31" s="33">
        <v>1532930</v>
      </c>
      <c r="L31" s="33">
        <v>1151</v>
      </c>
      <c r="M31" s="33">
        <v>1753</v>
      </c>
      <c r="N31" s="34">
        <v>12432690</v>
      </c>
      <c r="O31" s="31">
        <v>25</v>
      </c>
      <c r="P31" s="32" t="s">
        <v>76</v>
      </c>
      <c r="Q31" s="33">
        <v>771</v>
      </c>
      <c r="R31" s="33">
        <v>1115</v>
      </c>
      <c r="S31" s="33">
        <v>4065660</v>
      </c>
      <c r="T31" s="33">
        <v>12</v>
      </c>
      <c r="U31" s="33">
        <v>145</v>
      </c>
      <c r="V31" s="33">
        <v>93700</v>
      </c>
      <c r="W31" s="33">
        <v>0</v>
      </c>
      <c r="X31" s="33">
        <v>0</v>
      </c>
      <c r="Y31" s="33">
        <v>0</v>
      </c>
      <c r="Z31" s="33">
        <v>1922</v>
      </c>
      <c r="AA31" s="34">
        <v>16592050</v>
      </c>
      <c r="AB31" s="31">
        <v>25</v>
      </c>
      <c r="AC31" s="32" t="s">
        <v>76</v>
      </c>
      <c r="AD31" s="33">
        <v>0</v>
      </c>
      <c r="AE31" s="33">
        <v>3</v>
      </c>
      <c r="AF31" s="33">
        <v>53130</v>
      </c>
      <c r="AG31" s="33">
        <v>0</v>
      </c>
      <c r="AH31" s="33">
        <v>0</v>
      </c>
      <c r="AI31" s="33">
        <v>0</v>
      </c>
      <c r="AJ31" s="35">
        <v>0</v>
      </c>
      <c r="AK31" s="36">
        <v>1925</v>
      </c>
      <c r="AL31" s="37">
        <v>16645180</v>
      </c>
      <c r="AM31" s="33">
        <v>13287284</v>
      </c>
      <c r="AN31" s="33">
        <v>279900</v>
      </c>
      <c r="AO31" s="35">
        <v>3077996</v>
      </c>
      <c r="AP31" s="33">
        <v>3</v>
      </c>
      <c r="AQ31" s="34">
        <v>14898</v>
      </c>
    </row>
    <row r="32" spans="1:43" s="7" customFormat="1" ht="12.75" customHeight="1" x14ac:dyDescent="0.15">
      <c r="A32" s="31">
        <v>26</v>
      </c>
      <c r="B32" s="32" t="s">
        <v>77</v>
      </c>
      <c r="C32" s="33">
        <v>22</v>
      </c>
      <c r="D32" s="33">
        <v>478</v>
      </c>
      <c r="E32" s="33">
        <v>34143300</v>
      </c>
      <c r="F32" s="33">
        <v>467</v>
      </c>
      <c r="G32" s="33">
        <v>741</v>
      </c>
      <c r="H32" s="33">
        <v>3849260</v>
      </c>
      <c r="I32" s="33">
        <v>43</v>
      </c>
      <c r="J32" s="33">
        <v>66</v>
      </c>
      <c r="K32" s="33">
        <v>360790</v>
      </c>
      <c r="L32" s="33">
        <v>532</v>
      </c>
      <c r="M32" s="33">
        <v>1285</v>
      </c>
      <c r="N32" s="34">
        <v>38353350</v>
      </c>
      <c r="O32" s="31">
        <v>26</v>
      </c>
      <c r="P32" s="32" t="s">
        <v>77</v>
      </c>
      <c r="Q32" s="33">
        <v>365</v>
      </c>
      <c r="R32" s="33">
        <v>586</v>
      </c>
      <c r="S32" s="33">
        <v>1884350</v>
      </c>
      <c r="T32" s="33">
        <v>21</v>
      </c>
      <c r="U32" s="33">
        <v>1295</v>
      </c>
      <c r="V32" s="33">
        <v>771850</v>
      </c>
      <c r="W32" s="33">
        <v>0</v>
      </c>
      <c r="X32" s="33">
        <v>0</v>
      </c>
      <c r="Y32" s="33">
        <v>0</v>
      </c>
      <c r="Z32" s="33">
        <v>897</v>
      </c>
      <c r="AA32" s="34">
        <v>41009550</v>
      </c>
      <c r="AB32" s="31">
        <v>26</v>
      </c>
      <c r="AC32" s="32" t="s">
        <v>77</v>
      </c>
      <c r="AD32" s="33">
        <v>0</v>
      </c>
      <c r="AE32" s="33">
        <v>2</v>
      </c>
      <c r="AF32" s="33">
        <v>14740</v>
      </c>
      <c r="AG32" s="33">
        <v>0</v>
      </c>
      <c r="AH32" s="33">
        <v>0</v>
      </c>
      <c r="AI32" s="33">
        <v>0</v>
      </c>
      <c r="AJ32" s="35">
        <v>0</v>
      </c>
      <c r="AK32" s="36">
        <v>899</v>
      </c>
      <c r="AL32" s="37">
        <v>41024290</v>
      </c>
      <c r="AM32" s="33">
        <v>32629602</v>
      </c>
      <c r="AN32" s="33">
        <v>5557056</v>
      </c>
      <c r="AO32" s="35">
        <v>2837632</v>
      </c>
      <c r="AP32" s="33">
        <v>25</v>
      </c>
      <c r="AQ32" s="34">
        <v>5257429</v>
      </c>
    </row>
    <row r="33" spans="1:43" s="7" customFormat="1" ht="12.75" customHeight="1" x14ac:dyDescent="0.15">
      <c r="A33" s="31">
        <v>27</v>
      </c>
      <c r="B33" s="32" t="s">
        <v>78</v>
      </c>
      <c r="C33" s="33">
        <v>0</v>
      </c>
      <c r="D33" s="33">
        <v>0</v>
      </c>
      <c r="E33" s="33">
        <v>0</v>
      </c>
      <c r="F33" s="33">
        <v>408</v>
      </c>
      <c r="G33" s="33">
        <v>573</v>
      </c>
      <c r="H33" s="33">
        <v>2789100</v>
      </c>
      <c r="I33" s="33">
        <v>81</v>
      </c>
      <c r="J33" s="33">
        <v>131</v>
      </c>
      <c r="K33" s="33">
        <v>726100</v>
      </c>
      <c r="L33" s="33">
        <v>489</v>
      </c>
      <c r="M33" s="33">
        <v>704</v>
      </c>
      <c r="N33" s="34">
        <v>3515200</v>
      </c>
      <c r="O33" s="31">
        <v>27</v>
      </c>
      <c r="P33" s="32" t="s">
        <v>78</v>
      </c>
      <c r="Q33" s="33">
        <v>348</v>
      </c>
      <c r="R33" s="33">
        <v>439</v>
      </c>
      <c r="S33" s="33">
        <v>1437070</v>
      </c>
      <c r="T33" s="33">
        <v>0</v>
      </c>
      <c r="U33" s="33">
        <v>0</v>
      </c>
      <c r="V33" s="33">
        <v>0</v>
      </c>
      <c r="W33" s="33">
        <v>0</v>
      </c>
      <c r="X33" s="33">
        <v>0</v>
      </c>
      <c r="Y33" s="33">
        <v>0</v>
      </c>
      <c r="Z33" s="33">
        <v>837</v>
      </c>
      <c r="AA33" s="34">
        <v>4952270</v>
      </c>
      <c r="AB33" s="31">
        <v>27</v>
      </c>
      <c r="AC33" s="32" t="s">
        <v>78</v>
      </c>
      <c r="AD33" s="33">
        <v>0</v>
      </c>
      <c r="AE33" s="33">
        <v>0</v>
      </c>
      <c r="AF33" s="33">
        <v>0</v>
      </c>
      <c r="AG33" s="33">
        <v>0</v>
      </c>
      <c r="AH33" s="33">
        <v>0</v>
      </c>
      <c r="AI33" s="33">
        <v>0</v>
      </c>
      <c r="AJ33" s="35">
        <v>0</v>
      </c>
      <c r="AK33" s="36">
        <v>837</v>
      </c>
      <c r="AL33" s="37">
        <v>4952270</v>
      </c>
      <c r="AM33" s="33">
        <v>3961816</v>
      </c>
      <c r="AN33" s="33">
        <v>15210</v>
      </c>
      <c r="AO33" s="35">
        <v>975244</v>
      </c>
      <c r="AP33" s="33">
        <v>0</v>
      </c>
      <c r="AQ33" s="34">
        <v>0</v>
      </c>
    </row>
    <row r="34" spans="1:43" s="7" customFormat="1" ht="12.75" customHeight="1" x14ac:dyDescent="0.15">
      <c r="A34" s="31">
        <v>28</v>
      </c>
      <c r="B34" s="32" t="s">
        <v>79</v>
      </c>
      <c r="C34" s="33">
        <v>20</v>
      </c>
      <c r="D34" s="33">
        <v>114</v>
      </c>
      <c r="E34" s="33">
        <v>7136750</v>
      </c>
      <c r="F34" s="33">
        <v>970</v>
      </c>
      <c r="G34" s="33">
        <v>1455</v>
      </c>
      <c r="H34" s="33">
        <v>7930960</v>
      </c>
      <c r="I34" s="33">
        <v>130</v>
      </c>
      <c r="J34" s="33">
        <v>201</v>
      </c>
      <c r="K34" s="33">
        <v>1429030</v>
      </c>
      <c r="L34" s="33">
        <v>1120</v>
      </c>
      <c r="M34" s="33">
        <v>1770</v>
      </c>
      <c r="N34" s="34">
        <v>16496740</v>
      </c>
      <c r="O34" s="31">
        <v>28</v>
      </c>
      <c r="P34" s="32" t="s">
        <v>79</v>
      </c>
      <c r="Q34" s="33">
        <v>808</v>
      </c>
      <c r="R34" s="33">
        <v>1148</v>
      </c>
      <c r="S34" s="33">
        <v>3847610</v>
      </c>
      <c r="T34" s="33">
        <v>17</v>
      </c>
      <c r="U34" s="33">
        <v>252</v>
      </c>
      <c r="V34" s="33">
        <v>162130</v>
      </c>
      <c r="W34" s="33">
        <v>0</v>
      </c>
      <c r="X34" s="33">
        <v>0</v>
      </c>
      <c r="Y34" s="33">
        <v>0</v>
      </c>
      <c r="Z34" s="33">
        <v>1928</v>
      </c>
      <c r="AA34" s="34">
        <v>20506480</v>
      </c>
      <c r="AB34" s="31">
        <v>28</v>
      </c>
      <c r="AC34" s="32" t="s">
        <v>79</v>
      </c>
      <c r="AD34" s="33">
        <v>0</v>
      </c>
      <c r="AE34" s="33">
        <v>1</v>
      </c>
      <c r="AF34" s="33">
        <v>38461</v>
      </c>
      <c r="AG34" s="33">
        <v>0</v>
      </c>
      <c r="AH34" s="33">
        <v>0</v>
      </c>
      <c r="AI34" s="33">
        <v>0</v>
      </c>
      <c r="AJ34" s="35">
        <v>0</v>
      </c>
      <c r="AK34" s="36">
        <v>1929</v>
      </c>
      <c r="AL34" s="37">
        <v>20544941</v>
      </c>
      <c r="AM34" s="33">
        <v>16377658</v>
      </c>
      <c r="AN34" s="33">
        <v>944663</v>
      </c>
      <c r="AO34" s="35">
        <v>3222620</v>
      </c>
      <c r="AP34" s="33">
        <v>5</v>
      </c>
      <c r="AQ34" s="34">
        <v>507139</v>
      </c>
    </row>
    <row r="35" spans="1:43" s="7" customFormat="1" ht="12.75" customHeight="1" x14ac:dyDescent="0.15">
      <c r="A35" s="31">
        <v>29</v>
      </c>
      <c r="B35" s="32" t="s">
        <v>80</v>
      </c>
      <c r="C35" s="33">
        <v>6</v>
      </c>
      <c r="D35" s="33">
        <v>26</v>
      </c>
      <c r="E35" s="33">
        <v>1376690</v>
      </c>
      <c r="F35" s="33">
        <v>719</v>
      </c>
      <c r="G35" s="33">
        <v>1037</v>
      </c>
      <c r="H35" s="33">
        <v>5691920</v>
      </c>
      <c r="I35" s="33">
        <v>74</v>
      </c>
      <c r="J35" s="33">
        <v>120</v>
      </c>
      <c r="K35" s="33">
        <v>977330</v>
      </c>
      <c r="L35" s="33">
        <v>799</v>
      </c>
      <c r="M35" s="33">
        <v>1183</v>
      </c>
      <c r="N35" s="34">
        <v>8045940</v>
      </c>
      <c r="O35" s="31">
        <v>29</v>
      </c>
      <c r="P35" s="32" t="s">
        <v>80</v>
      </c>
      <c r="Q35" s="33">
        <v>361</v>
      </c>
      <c r="R35" s="33">
        <v>492</v>
      </c>
      <c r="S35" s="33">
        <v>1499420</v>
      </c>
      <c r="T35" s="33">
        <v>4</v>
      </c>
      <c r="U35" s="33">
        <v>18</v>
      </c>
      <c r="V35" s="33">
        <v>11520</v>
      </c>
      <c r="W35" s="33">
        <v>0</v>
      </c>
      <c r="X35" s="33">
        <v>0</v>
      </c>
      <c r="Y35" s="33">
        <v>0</v>
      </c>
      <c r="Z35" s="33">
        <v>1160</v>
      </c>
      <c r="AA35" s="34">
        <v>9556880</v>
      </c>
      <c r="AB35" s="31">
        <v>29</v>
      </c>
      <c r="AC35" s="32" t="s">
        <v>80</v>
      </c>
      <c r="AD35" s="33">
        <v>0</v>
      </c>
      <c r="AE35" s="33">
        <v>7</v>
      </c>
      <c r="AF35" s="33">
        <v>52744</v>
      </c>
      <c r="AG35" s="33">
        <v>0</v>
      </c>
      <c r="AH35" s="33">
        <v>0</v>
      </c>
      <c r="AI35" s="33">
        <v>0</v>
      </c>
      <c r="AJ35" s="35">
        <v>0</v>
      </c>
      <c r="AK35" s="36">
        <v>1167</v>
      </c>
      <c r="AL35" s="37">
        <v>9609624</v>
      </c>
      <c r="AM35" s="33">
        <v>7683523</v>
      </c>
      <c r="AN35" s="33">
        <v>393833</v>
      </c>
      <c r="AO35" s="35">
        <v>1532268</v>
      </c>
      <c r="AP35" s="33">
        <v>1</v>
      </c>
      <c r="AQ35" s="34">
        <v>51357</v>
      </c>
    </row>
    <row r="36" spans="1:43" s="7" customFormat="1" ht="12.75" customHeight="1" x14ac:dyDescent="0.15">
      <c r="A36" s="31">
        <v>30</v>
      </c>
      <c r="B36" s="32" t="s">
        <v>81</v>
      </c>
      <c r="C36" s="33">
        <v>9</v>
      </c>
      <c r="D36" s="33">
        <v>66</v>
      </c>
      <c r="E36" s="33">
        <v>4784930</v>
      </c>
      <c r="F36" s="33">
        <v>735</v>
      </c>
      <c r="G36" s="33">
        <v>1065</v>
      </c>
      <c r="H36" s="33">
        <v>7580600</v>
      </c>
      <c r="I36" s="33">
        <v>99</v>
      </c>
      <c r="J36" s="33">
        <v>161</v>
      </c>
      <c r="K36" s="33">
        <v>967600</v>
      </c>
      <c r="L36" s="33">
        <v>843</v>
      </c>
      <c r="M36" s="33">
        <v>1292</v>
      </c>
      <c r="N36" s="34">
        <v>13333130</v>
      </c>
      <c r="O36" s="31">
        <v>30</v>
      </c>
      <c r="P36" s="32" t="s">
        <v>81</v>
      </c>
      <c r="Q36" s="33">
        <v>479</v>
      </c>
      <c r="R36" s="33">
        <v>654</v>
      </c>
      <c r="S36" s="33">
        <v>2350210</v>
      </c>
      <c r="T36" s="33">
        <v>8</v>
      </c>
      <c r="U36" s="33">
        <v>151</v>
      </c>
      <c r="V36" s="33">
        <v>97740</v>
      </c>
      <c r="W36" s="33">
        <v>0</v>
      </c>
      <c r="X36" s="33">
        <v>0</v>
      </c>
      <c r="Y36" s="33">
        <v>0</v>
      </c>
      <c r="Z36" s="33">
        <v>1322</v>
      </c>
      <c r="AA36" s="34">
        <v>15781080</v>
      </c>
      <c r="AB36" s="31">
        <v>30</v>
      </c>
      <c r="AC36" s="32" t="s">
        <v>81</v>
      </c>
      <c r="AD36" s="33">
        <v>0</v>
      </c>
      <c r="AE36" s="33">
        <v>24</v>
      </c>
      <c r="AF36" s="33">
        <v>147475</v>
      </c>
      <c r="AG36" s="33">
        <v>0</v>
      </c>
      <c r="AH36" s="33">
        <v>0</v>
      </c>
      <c r="AI36" s="33">
        <v>0</v>
      </c>
      <c r="AJ36" s="35">
        <v>0</v>
      </c>
      <c r="AK36" s="36">
        <v>1346</v>
      </c>
      <c r="AL36" s="37">
        <v>15928555</v>
      </c>
      <c r="AM36" s="33">
        <v>12708032</v>
      </c>
      <c r="AN36" s="33">
        <v>1397798</v>
      </c>
      <c r="AO36" s="35">
        <v>1822725</v>
      </c>
      <c r="AP36" s="33">
        <v>20</v>
      </c>
      <c r="AQ36" s="34">
        <v>1103420</v>
      </c>
    </row>
    <row r="37" spans="1:43" s="7" customFormat="1" ht="12.75" customHeight="1" x14ac:dyDescent="0.15">
      <c r="A37" s="31">
        <v>31</v>
      </c>
      <c r="B37" s="32" t="s">
        <v>82</v>
      </c>
      <c r="C37" s="33">
        <v>30</v>
      </c>
      <c r="D37" s="33">
        <v>235</v>
      </c>
      <c r="E37" s="33">
        <v>20809890</v>
      </c>
      <c r="F37" s="33">
        <v>1570</v>
      </c>
      <c r="G37" s="33">
        <v>2353</v>
      </c>
      <c r="H37" s="33">
        <v>13160790</v>
      </c>
      <c r="I37" s="33">
        <v>166</v>
      </c>
      <c r="J37" s="33">
        <v>213</v>
      </c>
      <c r="K37" s="33">
        <v>1334080</v>
      </c>
      <c r="L37" s="33">
        <v>1766</v>
      </c>
      <c r="M37" s="33">
        <v>2801</v>
      </c>
      <c r="N37" s="34">
        <v>35304760</v>
      </c>
      <c r="O37" s="31">
        <v>31</v>
      </c>
      <c r="P37" s="32" t="s">
        <v>82</v>
      </c>
      <c r="Q37" s="33">
        <v>871</v>
      </c>
      <c r="R37" s="33">
        <v>1206</v>
      </c>
      <c r="S37" s="33">
        <v>3925810</v>
      </c>
      <c r="T37" s="33">
        <v>26</v>
      </c>
      <c r="U37" s="33">
        <v>568</v>
      </c>
      <c r="V37" s="33">
        <v>365764</v>
      </c>
      <c r="W37" s="33">
        <v>0</v>
      </c>
      <c r="X37" s="33">
        <v>0</v>
      </c>
      <c r="Y37" s="33">
        <v>0</v>
      </c>
      <c r="Z37" s="33">
        <v>2637</v>
      </c>
      <c r="AA37" s="34">
        <v>39596334</v>
      </c>
      <c r="AB37" s="31">
        <v>31</v>
      </c>
      <c r="AC37" s="32" t="s">
        <v>82</v>
      </c>
      <c r="AD37" s="33">
        <v>0</v>
      </c>
      <c r="AE37" s="33">
        <v>16</v>
      </c>
      <c r="AF37" s="33">
        <v>148903</v>
      </c>
      <c r="AG37" s="33">
        <v>0</v>
      </c>
      <c r="AH37" s="33">
        <v>0</v>
      </c>
      <c r="AI37" s="33">
        <v>0</v>
      </c>
      <c r="AJ37" s="35">
        <v>0</v>
      </c>
      <c r="AK37" s="36">
        <v>2653</v>
      </c>
      <c r="AL37" s="37">
        <v>39745237</v>
      </c>
      <c r="AM37" s="33">
        <v>31665462</v>
      </c>
      <c r="AN37" s="33">
        <v>3659409</v>
      </c>
      <c r="AO37" s="35">
        <v>4420366</v>
      </c>
      <c r="AP37" s="33">
        <v>19</v>
      </c>
      <c r="AQ37" s="34">
        <v>3008575</v>
      </c>
    </row>
    <row r="38" spans="1:43" s="7" customFormat="1" ht="12.75" customHeight="1" x14ac:dyDescent="0.15">
      <c r="A38" s="31">
        <v>32</v>
      </c>
      <c r="B38" s="32" t="s">
        <v>83</v>
      </c>
      <c r="C38" s="33">
        <v>54</v>
      </c>
      <c r="D38" s="33">
        <v>294</v>
      </c>
      <c r="E38" s="33">
        <v>12203300</v>
      </c>
      <c r="F38" s="33">
        <v>4055</v>
      </c>
      <c r="G38" s="33">
        <v>5792</v>
      </c>
      <c r="H38" s="33">
        <v>33612310</v>
      </c>
      <c r="I38" s="33">
        <v>350</v>
      </c>
      <c r="J38" s="33">
        <v>502</v>
      </c>
      <c r="K38" s="33">
        <v>3415790</v>
      </c>
      <c r="L38" s="33">
        <v>4459</v>
      </c>
      <c r="M38" s="33">
        <v>6588</v>
      </c>
      <c r="N38" s="34">
        <v>49231400</v>
      </c>
      <c r="O38" s="31">
        <v>32</v>
      </c>
      <c r="P38" s="32" t="s">
        <v>83</v>
      </c>
      <c r="Q38" s="33">
        <v>3112</v>
      </c>
      <c r="R38" s="33">
        <v>4242</v>
      </c>
      <c r="S38" s="33">
        <v>15487980</v>
      </c>
      <c r="T38" s="33">
        <v>36</v>
      </c>
      <c r="U38" s="33">
        <v>512</v>
      </c>
      <c r="V38" s="33">
        <v>323014</v>
      </c>
      <c r="W38" s="33">
        <v>0</v>
      </c>
      <c r="X38" s="33">
        <v>0</v>
      </c>
      <c r="Y38" s="33">
        <v>0</v>
      </c>
      <c r="Z38" s="33">
        <v>7571</v>
      </c>
      <c r="AA38" s="34">
        <v>65042394</v>
      </c>
      <c r="AB38" s="31">
        <v>32</v>
      </c>
      <c r="AC38" s="32" t="s">
        <v>83</v>
      </c>
      <c r="AD38" s="33">
        <v>0</v>
      </c>
      <c r="AE38" s="33">
        <v>25</v>
      </c>
      <c r="AF38" s="33">
        <v>325770</v>
      </c>
      <c r="AG38" s="33">
        <v>0</v>
      </c>
      <c r="AH38" s="33">
        <v>0</v>
      </c>
      <c r="AI38" s="33">
        <v>0</v>
      </c>
      <c r="AJ38" s="35">
        <v>0</v>
      </c>
      <c r="AK38" s="36">
        <v>7596</v>
      </c>
      <c r="AL38" s="37">
        <v>65368164</v>
      </c>
      <c r="AM38" s="33">
        <v>52177820</v>
      </c>
      <c r="AN38" s="33">
        <v>1393412</v>
      </c>
      <c r="AO38" s="35">
        <v>11796932</v>
      </c>
      <c r="AP38" s="33">
        <v>32</v>
      </c>
      <c r="AQ38" s="34">
        <v>903859</v>
      </c>
    </row>
    <row r="39" spans="1:43" s="7" customFormat="1" ht="12.75" customHeight="1" thickBot="1" x14ac:dyDescent="0.2">
      <c r="A39" s="31">
        <v>33</v>
      </c>
      <c r="B39" s="32" t="s">
        <v>84</v>
      </c>
      <c r="C39" s="33">
        <v>0</v>
      </c>
      <c r="D39" s="33">
        <v>0</v>
      </c>
      <c r="E39" s="33">
        <v>0</v>
      </c>
      <c r="F39" s="33">
        <v>111</v>
      </c>
      <c r="G39" s="33">
        <v>141</v>
      </c>
      <c r="H39" s="33">
        <v>1285260</v>
      </c>
      <c r="I39" s="33">
        <v>21</v>
      </c>
      <c r="J39" s="33">
        <v>25</v>
      </c>
      <c r="K39" s="33">
        <v>194970</v>
      </c>
      <c r="L39" s="33">
        <v>132</v>
      </c>
      <c r="M39" s="33">
        <v>166</v>
      </c>
      <c r="N39" s="34">
        <v>1480230</v>
      </c>
      <c r="O39" s="31">
        <v>33</v>
      </c>
      <c r="P39" s="32" t="s">
        <v>84</v>
      </c>
      <c r="Q39" s="33">
        <v>41</v>
      </c>
      <c r="R39" s="33">
        <v>55</v>
      </c>
      <c r="S39" s="33">
        <v>187820</v>
      </c>
      <c r="T39" s="33">
        <v>0</v>
      </c>
      <c r="U39" s="33">
        <v>0</v>
      </c>
      <c r="V39" s="33">
        <v>0</v>
      </c>
      <c r="W39" s="33">
        <v>0</v>
      </c>
      <c r="X39" s="33">
        <v>0</v>
      </c>
      <c r="Y39" s="33">
        <v>0</v>
      </c>
      <c r="Z39" s="33">
        <v>173</v>
      </c>
      <c r="AA39" s="34">
        <v>1668050</v>
      </c>
      <c r="AB39" s="31">
        <v>33</v>
      </c>
      <c r="AC39" s="32" t="s">
        <v>84</v>
      </c>
      <c r="AD39" s="33">
        <v>0</v>
      </c>
      <c r="AE39" s="33">
        <v>0</v>
      </c>
      <c r="AF39" s="33">
        <v>0</v>
      </c>
      <c r="AG39" s="33">
        <v>0</v>
      </c>
      <c r="AH39" s="33">
        <v>0</v>
      </c>
      <c r="AI39" s="33">
        <v>0</v>
      </c>
      <c r="AJ39" s="35">
        <v>0</v>
      </c>
      <c r="AK39" s="36">
        <v>173</v>
      </c>
      <c r="AL39" s="37">
        <v>1668050</v>
      </c>
      <c r="AM39" s="33">
        <v>1334440</v>
      </c>
      <c r="AN39" s="33">
        <v>6612</v>
      </c>
      <c r="AO39" s="35">
        <v>326998</v>
      </c>
      <c r="AP39" s="33">
        <v>0</v>
      </c>
      <c r="AQ39" s="34">
        <v>0</v>
      </c>
    </row>
    <row r="40" spans="1:43" s="7" customFormat="1" ht="12.75" customHeight="1" thickTop="1" thickBot="1" x14ac:dyDescent="0.2">
      <c r="A40" s="77" t="s">
        <v>85</v>
      </c>
      <c r="B40" s="78"/>
      <c r="C40" s="55">
        <v>7884</v>
      </c>
      <c r="D40" s="55">
        <v>58694</v>
      </c>
      <c r="E40" s="55">
        <v>3980003880</v>
      </c>
      <c r="F40" s="55">
        <v>529173</v>
      </c>
      <c r="G40" s="55">
        <v>794152</v>
      </c>
      <c r="H40" s="56">
        <v>4559262837</v>
      </c>
      <c r="I40" s="57">
        <v>71562</v>
      </c>
      <c r="J40" s="55">
        <v>105063</v>
      </c>
      <c r="K40" s="56">
        <v>757090170</v>
      </c>
      <c r="L40" s="58">
        <v>608619</v>
      </c>
      <c r="M40" s="58">
        <v>957909</v>
      </c>
      <c r="N40" s="59">
        <v>9296356887</v>
      </c>
      <c r="O40" s="77" t="s">
        <v>85</v>
      </c>
      <c r="P40" s="78"/>
      <c r="Q40" s="55">
        <v>403759</v>
      </c>
      <c r="R40" s="55">
        <v>554830</v>
      </c>
      <c r="S40" s="55">
        <v>1958927390</v>
      </c>
      <c r="T40" s="55">
        <v>6343</v>
      </c>
      <c r="U40" s="55">
        <v>112177</v>
      </c>
      <c r="V40" s="56">
        <v>72106133</v>
      </c>
      <c r="W40" s="57">
        <v>690</v>
      </c>
      <c r="X40" s="60">
        <v>3686</v>
      </c>
      <c r="Y40" s="55">
        <v>46004900</v>
      </c>
      <c r="Z40" s="57">
        <v>1013068</v>
      </c>
      <c r="AA40" s="61">
        <v>11373395310</v>
      </c>
      <c r="AB40" s="77" t="s">
        <v>85</v>
      </c>
      <c r="AC40" s="78"/>
      <c r="AD40" s="55">
        <v>15</v>
      </c>
      <c r="AE40" s="55">
        <v>3290</v>
      </c>
      <c r="AF40" s="55">
        <v>48955919</v>
      </c>
      <c r="AG40" s="55">
        <v>192</v>
      </c>
      <c r="AH40" s="55">
        <v>3834642</v>
      </c>
      <c r="AI40" s="55">
        <v>2</v>
      </c>
      <c r="AJ40" s="62">
        <v>2302785</v>
      </c>
      <c r="AK40" s="55">
        <v>1016375</v>
      </c>
      <c r="AL40" s="57">
        <v>11424654014</v>
      </c>
      <c r="AM40" s="55">
        <v>9117128616</v>
      </c>
      <c r="AN40" s="55">
        <v>611178270</v>
      </c>
      <c r="AO40" s="62">
        <v>1696347128</v>
      </c>
      <c r="AP40" s="55">
        <v>5860</v>
      </c>
      <c r="AQ40" s="63">
        <v>510218294</v>
      </c>
    </row>
    <row r="41" spans="1:43" s="7" customFormat="1" ht="12.75" customHeight="1" thickTop="1" x14ac:dyDescent="0.15">
      <c r="A41" s="31">
        <v>301</v>
      </c>
      <c r="B41" s="32" t="s">
        <v>86</v>
      </c>
      <c r="C41" s="33">
        <v>57</v>
      </c>
      <c r="D41" s="33">
        <v>310</v>
      </c>
      <c r="E41" s="33">
        <v>20187310</v>
      </c>
      <c r="F41" s="33">
        <v>2775</v>
      </c>
      <c r="G41" s="33">
        <v>3980</v>
      </c>
      <c r="H41" s="33">
        <v>23047810</v>
      </c>
      <c r="I41" s="33">
        <v>642</v>
      </c>
      <c r="J41" s="33">
        <v>855</v>
      </c>
      <c r="K41" s="33">
        <v>5880660</v>
      </c>
      <c r="L41" s="33">
        <v>3474</v>
      </c>
      <c r="M41" s="33">
        <v>5145</v>
      </c>
      <c r="N41" s="34">
        <v>49115780</v>
      </c>
      <c r="O41" s="31">
        <v>301</v>
      </c>
      <c r="P41" s="32" t="s">
        <v>86</v>
      </c>
      <c r="Q41" s="33">
        <v>1999</v>
      </c>
      <c r="R41" s="33">
        <v>2575</v>
      </c>
      <c r="S41" s="33">
        <v>12100100</v>
      </c>
      <c r="T41" s="33">
        <v>52</v>
      </c>
      <c r="U41" s="33">
        <v>603</v>
      </c>
      <c r="V41" s="33">
        <v>392470</v>
      </c>
      <c r="W41" s="33">
        <v>0</v>
      </c>
      <c r="X41" s="33">
        <v>0</v>
      </c>
      <c r="Y41" s="33">
        <v>0</v>
      </c>
      <c r="Z41" s="33">
        <v>5473</v>
      </c>
      <c r="AA41" s="34">
        <v>61608350</v>
      </c>
      <c r="AB41" s="31">
        <v>301</v>
      </c>
      <c r="AC41" s="32" t="s">
        <v>86</v>
      </c>
      <c r="AD41" s="33">
        <v>0</v>
      </c>
      <c r="AE41" s="33">
        <v>17</v>
      </c>
      <c r="AF41" s="33">
        <v>717334</v>
      </c>
      <c r="AG41" s="33">
        <v>0</v>
      </c>
      <c r="AH41" s="33">
        <v>0</v>
      </c>
      <c r="AI41" s="33">
        <v>0</v>
      </c>
      <c r="AJ41" s="35">
        <v>0</v>
      </c>
      <c r="AK41" s="36">
        <v>5490</v>
      </c>
      <c r="AL41" s="37">
        <v>62325684</v>
      </c>
      <c r="AM41" s="33">
        <v>49723158</v>
      </c>
      <c r="AN41" s="33">
        <v>6437106</v>
      </c>
      <c r="AO41" s="35">
        <v>6165420</v>
      </c>
      <c r="AP41" s="33">
        <v>18</v>
      </c>
      <c r="AQ41" s="34">
        <v>897226</v>
      </c>
    </row>
    <row r="42" spans="1:43" s="7" customFormat="1" ht="12.75" customHeight="1" x14ac:dyDescent="0.15">
      <c r="A42" s="31">
        <v>302</v>
      </c>
      <c r="B42" s="32" t="s">
        <v>87</v>
      </c>
      <c r="C42" s="33">
        <v>101</v>
      </c>
      <c r="D42" s="33">
        <v>846</v>
      </c>
      <c r="E42" s="33">
        <v>42005450</v>
      </c>
      <c r="F42" s="33">
        <v>6222</v>
      </c>
      <c r="G42" s="33">
        <v>9502</v>
      </c>
      <c r="H42" s="33">
        <v>49408560</v>
      </c>
      <c r="I42" s="33">
        <v>175</v>
      </c>
      <c r="J42" s="33">
        <v>226</v>
      </c>
      <c r="K42" s="33">
        <v>1577000</v>
      </c>
      <c r="L42" s="33">
        <v>6498</v>
      </c>
      <c r="M42" s="33">
        <v>10574</v>
      </c>
      <c r="N42" s="34">
        <v>92991010</v>
      </c>
      <c r="O42" s="31">
        <v>302</v>
      </c>
      <c r="P42" s="32" t="s">
        <v>87</v>
      </c>
      <c r="Q42" s="33">
        <v>4656</v>
      </c>
      <c r="R42" s="33">
        <v>6358</v>
      </c>
      <c r="S42" s="33">
        <v>22127340</v>
      </c>
      <c r="T42" s="33">
        <v>77</v>
      </c>
      <c r="U42" s="33">
        <v>1796</v>
      </c>
      <c r="V42" s="33">
        <v>1164306</v>
      </c>
      <c r="W42" s="33">
        <v>4</v>
      </c>
      <c r="X42" s="33">
        <v>41</v>
      </c>
      <c r="Y42" s="33">
        <v>651960</v>
      </c>
      <c r="Z42" s="33">
        <v>11158</v>
      </c>
      <c r="AA42" s="34">
        <v>116934616</v>
      </c>
      <c r="AB42" s="31">
        <v>302</v>
      </c>
      <c r="AC42" s="32" t="s">
        <v>87</v>
      </c>
      <c r="AD42" s="33">
        <v>0</v>
      </c>
      <c r="AE42" s="33">
        <v>33</v>
      </c>
      <c r="AF42" s="33">
        <v>643089</v>
      </c>
      <c r="AG42" s="33">
        <v>0</v>
      </c>
      <c r="AH42" s="33">
        <v>0</v>
      </c>
      <c r="AI42" s="33">
        <v>0</v>
      </c>
      <c r="AJ42" s="35">
        <v>0</v>
      </c>
      <c r="AK42" s="36">
        <v>11191</v>
      </c>
      <c r="AL42" s="37">
        <v>117577705</v>
      </c>
      <c r="AM42" s="33">
        <v>93679510</v>
      </c>
      <c r="AN42" s="33">
        <v>11805829</v>
      </c>
      <c r="AO42" s="35">
        <v>12092366</v>
      </c>
      <c r="AP42" s="33">
        <v>15</v>
      </c>
      <c r="AQ42" s="34">
        <v>1597757</v>
      </c>
    </row>
    <row r="43" spans="1:43" s="7" customFormat="1" ht="12.75" customHeight="1" x14ac:dyDescent="0.15">
      <c r="A43" s="31">
        <v>303</v>
      </c>
      <c r="B43" s="32" t="s">
        <v>88</v>
      </c>
      <c r="C43" s="33">
        <v>128</v>
      </c>
      <c r="D43" s="33">
        <v>682</v>
      </c>
      <c r="E43" s="33">
        <v>55839680</v>
      </c>
      <c r="F43" s="33">
        <v>8517</v>
      </c>
      <c r="G43" s="33">
        <v>13059</v>
      </c>
      <c r="H43" s="33">
        <v>72523860</v>
      </c>
      <c r="I43" s="33">
        <v>1160</v>
      </c>
      <c r="J43" s="33">
        <v>1618</v>
      </c>
      <c r="K43" s="33">
        <v>11858270</v>
      </c>
      <c r="L43" s="33">
        <v>9805</v>
      </c>
      <c r="M43" s="33">
        <v>15359</v>
      </c>
      <c r="N43" s="34">
        <v>140221810</v>
      </c>
      <c r="O43" s="31">
        <v>303</v>
      </c>
      <c r="P43" s="32" t="s">
        <v>88</v>
      </c>
      <c r="Q43" s="33">
        <v>6548</v>
      </c>
      <c r="R43" s="33">
        <v>9151</v>
      </c>
      <c r="S43" s="33">
        <v>32712180</v>
      </c>
      <c r="T43" s="33">
        <v>102</v>
      </c>
      <c r="U43" s="33">
        <v>1133</v>
      </c>
      <c r="V43" s="33">
        <v>731910</v>
      </c>
      <c r="W43" s="33">
        <v>12</v>
      </c>
      <c r="X43" s="33">
        <v>58</v>
      </c>
      <c r="Y43" s="33">
        <v>862780</v>
      </c>
      <c r="Z43" s="33">
        <v>16365</v>
      </c>
      <c r="AA43" s="34">
        <v>174528680</v>
      </c>
      <c r="AB43" s="31">
        <v>303</v>
      </c>
      <c r="AC43" s="32" t="s">
        <v>88</v>
      </c>
      <c r="AD43" s="33">
        <v>0</v>
      </c>
      <c r="AE43" s="33">
        <v>31</v>
      </c>
      <c r="AF43" s="33">
        <v>450229</v>
      </c>
      <c r="AG43" s="33">
        <v>0</v>
      </c>
      <c r="AH43" s="33">
        <v>0</v>
      </c>
      <c r="AI43" s="33">
        <v>0</v>
      </c>
      <c r="AJ43" s="35">
        <v>0</v>
      </c>
      <c r="AK43" s="36">
        <v>16396</v>
      </c>
      <c r="AL43" s="37">
        <v>174978909</v>
      </c>
      <c r="AM43" s="33">
        <v>139749678</v>
      </c>
      <c r="AN43" s="33">
        <v>9769260</v>
      </c>
      <c r="AO43" s="35">
        <v>25459971</v>
      </c>
      <c r="AP43" s="33">
        <v>53</v>
      </c>
      <c r="AQ43" s="34">
        <v>5615334</v>
      </c>
    </row>
    <row r="44" spans="1:43" s="7" customFormat="1" ht="12.75" customHeight="1" x14ac:dyDescent="0.15">
      <c r="A44" s="31">
        <v>304</v>
      </c>
      <c r="B44" s="32" t="s">
        <v>89</v>
      </c>
      <c r="C44" s="33">
        <v>49</v>
      </c>
      <c r="D44" s="33">
        <v>339</v>
      </c>
      <c r="E44" s="33">
        <v>19995580</v>
      </c>
      <c r="F44" s="33">
        <v>2074</v>
      </c>
      <c r="G44" s="33">
        <v>3561</v>
      </c>
      <c r="H44" s="33">
        <v>20083340</v>
      </c>
      <c r="I44" s="33">
        <v>277</v>
      </c>
      <c r="J44" s="33">
        <v>344</v>
      </c>
      <c r="K44" s="33">
        <v>2436910</v>
      </c>
      <c r="L44" s="33">
        <v>2400</v>
      </c>
      <c r="M44" s="33">
        <v>4244</v>
      </c>
      <c r="N44" s="34">
        <v>42515830</v>
      </c>
      <c r="O44" s="31">
        <v>304</v>
      </c>
      <c r="P44" s="32" t="s">
        <v>89</v>
      </c>
      <c r="Q44" s="33">
        <v>1583</v>
      </c>
      <c r="R44" s="33">
        <v>2267</v>
      </c>
      <c r="S44" s="33">
        <v>8147730</v>
      </c>
      <c r="T44" s="33">
        <v>27</v>
      </c>
      <c r="U44" s="33">
        <v>495</v>
      </c>
      <c r="V44" s="33">
        <v>320300</v>
      </c>
      <c r="W44" s="33">
        <v>18</v>
      </c>
      <c r="X44" s="33">
        <v>61</v>
      </c>
      <c r="Y44" s="33">
        <v>842790</v>
      </c>
      <c r="Z44" s="33">
        <v>4001</v>
      </c>
      <c r="AA44" s="34">
        <v>51826650</v>
      </c>
      <c r="AB44" s="31">
        <v>304</v>
      </c>
      <c r="AC44" s="32" t="s">
        <v>89</v>
      </c>
      <c r="AD44" s="33">
        <v>0</v>
      </c>
      <c r="AE44" s="33">
        <v>21</v>
      </c>
      <c r="AF44" s="33">
        <v>281098</v>
      </c>
      <c r="AG44" s="33">
        <v>0</v>
      </c>
      <c r="AH44" s="33">
        <v>0</v>
      </c>
      <c r="AI44" s="33">
        <v>0</v>
      </c>
      <c r="AJ44" s="35">
        <v>0</v>
      </c>
      <c r="AK44" s="36">
        <v>4022</v>
      </c>
      <c r="AL44" s="37">
        <v>52107748</v>
      </c>
      <c r="AM44" s="33">
        <v>41573757</v>
      </c>
      <c r="AN44" s="33">
        <v>3329425</v>
      </c>
      <c r="AO44" s="35">
        <v>7204566</v>
      </c>
      <c r="AP44" s="33">
        <v>20</v>
      </c>
      <c r="AQ44" s="34">
        <v>1291385</v>
      </c>
    </row>
    <row r="45" spans="1:43" s="7" customFormat="1" ht="12.75" customHeight="1" x14ac:dyDescent="0.15">
      <c r="A45" s="31">
        <v>305</v>
      </c>
      <c r="B45" s="32" t="s">
        <v>90</v>
      </c>
      <c r="C45" s="33">
        <v>56</v>
      </c>
      <c r="D45" s="33">
        <v>346</v>
      </c>
      <c r="E45" s="33">
        <v>18114740</v>
      </c>
      <c r="F45" s="33">
        <v>5904</v>
      </c>
      <c r="G45" s="33">
        <v>9012</v>
      </c>
      <c r="H45" s="33">
        <v>50442480</v>
      </c>
      <c r="I45" s="33">
        <v>829</v>
      </c>
      <c r="J45" s="33">
        <v>1138</v>
      </c>
      <c r="K45" s="33">
        <v>8297970</v>
      </c>
      <c r="L45" s="33">
        <v>6789</v>
      </c>
      <c r="M45" s="33">
        <v>10496</v>
      </c>
      <c r="N45" s="34">
        <v>76855190</v>
      </c>
      <c r="O45" s="31">
        <v>305</v>
      </c>
      <c r="P45" s="32" t="s">
        <v>90</v>
      </c>
      <c r="Q45" s="33">
        <v>4547</v>
      </c>
      <c r="R45" s="33">
        <v>6316</v>
      </c>
      <c r="S45" s="33">
        <v>20725860</v>
      </c>
      <c r="T45" s="33">
        <v>45</v>
      </c>
      <c r="U45" s="33">
        <v>698</v>
      </c>
      <c r="V45" s="33">
        <v>452210</v>
      </c>
      <c r="W45" s="33">
        <v>0</v>
      </c>
      <c r="X45" s="33">
        <v>0</v>
      </c>
      <c r="Y45" s="33">
        <v>0</v>
      </c>
      <c r="Z45" s="33">
        <v>11336</v>
      </c>
      <c r="AA45" s="34">
        <v>98033260</v>
      </c>
      <c r="AB45" s="31">
        <v>305</v>
      </c>
      <c r="AC45" s="32" t="s">
        <v>90</v>
      </c>
      <c r="AD45" s="33">
        <v>0</v>
      </c>
      <c r="AE45" s="33">
        <v>39</v>
      </c>
      <c r="AF45" s="33">
        <v>441121</v>
      </c>
      <c r="AG45" s="33">
        <v>0</v>
      </c>
      <c r="AH45" s="33">
        <v>0</v>
      </c>
      <c r="AI45" s="33">
        <v>0</v>
      </c>
      <c r="AJ45" s="35">
        <v>0</v>
      </c>
      <c r="AK45" s="36">
        <v>11375</v>
      </c>
      <c r="AL45" s="37">
        <v>98474381</v>
      </c>
      <c r="AM45" s="33">
        <v>78619746</v>
      </c>
      <c r="AN45" s="33">
        <v>3478952</v>
      </c>
      <c r="AO45" s="35">
        <v>16375683</v>
      </c>
      <c r="AP45" s="33">
        <v>29</v>
      </c>
      <c r="AQ45" s="34">
        <v>2001646</v>
      </c>
    </row>
    <row r="46" spans="1:43" s="7" customFormat="1" ht="12.75" customHeight="1" thickBot="1" x14ac:dyDescent="0.2">
      <c r="A46" s="38">
        <v>306</v>
      </c>
      <c r="B46" s="39" t="s">
        <v>91</v>
      </c>
      <c r="C46" s="33">
        <v>973</v>
      </c>
      <c r="D46" s="33">
        <v>6505</v>
      </c>
      <c r="E46" s="33">
        <v>434258430</v>
      </c>
      <c r="F46" s="33">
        <v>73560</v>
      </c>
      <c r="G46" s="33">
        <v>111228</v>
      </c>
      <c r="H46" s="33">
        <v>633643240</v>
      </c>
      <c r="I46" s="33">
        <v>10016</v>
      </c>
      <c r="J46" s="33">
        <v>14818</v>
      </c>
      <c r="K46" s="33">
        <v>106565960</v>
      </c>
      <c r="L46" s="48">
        <v>84549</v>
      </c>
      <c r="M46" s="48">
        <v>132551</v>
      </c>
      <c r="N46" s="49">
        <v>1174467630</v>
      </c>
      <c r="O46" s="38">
        <v>306</v>
      </c>
      <c r="P46" s="39" t="s">
        <v>91</v>
      </c>
      <c r="Q46" s="33">
        <v>56540</v>
      </c>
      <c r="R46" s="33">
        <v>78169</v>
      </c>
      <c r="S46" s="33">
        <v>267114500</v>
      </c>
      <c r="T46" s="33">
        <v>798</v>
      </c>
      <c r="U46" s="33">
        <v>12875</v>
      </c>
      <c r="V46" s="33">
        <v>8292377</v>
      </c>
      <c r="W46" s="33">
        <v>82</v>
      </c>
      <c r="X46" s="33">
        <v>515</v>
      </c>
      <c r="Y46" s="33">
        <v>5971190</v>
      </c>
      <c r="Z46" s="33">
        <v>141171</v>
      </c>
      <c r="AA46" s="34">
        <v>1455845697</v>
      </c>
      <c r="AB46" s="38">
        <v>306</v>
      </c>
      <c r="AC46" s="39" t="s">
        <v>91</v>
      </c>
      <c r="AD46" s="33">
        <v>5</v>
      </c>
      <c r="AE46" s="33">
        <v>283</v>
      </c>
      <c r="AF46" s="33">
        <v>4551399</v>
      </c>
      <c r="AG46" s="33">
        <v>0</v>
      </c>
      <c r="AH46" s="33">
        <v>0</v>
      </c>
      <c r="AI46" s="33">
        <v>0</v>
      </c>
      <c r="AJ46" s="35">
        <v>0</v>
      </c>
      <c r="AK46" s="36">
        <v>141459</v>
      </c>
      <c r="AL46" s="37">
        <v>1460397096</v>
      </c>
      <c r="AM46" s="33">
        <v>1165516927</v>
      </c>
      <c r="AN46" s="33">
        <v>63410261</v>
      </c>
      <c r="AO46" s="35">
        <v>231469908</v>
      </c>
      <c r="AP46" s="33">
        <v>336</v>
      </c>
      <c r="AQ46" s="34">
        <v>39760084</v>
      </c>
    </row>
    <row r="47" spans="1:43" s="7" customFormat="1" ht="12.75" customHeight="1" thickTop="1" thickBot="1" x14ac:dyDescent="0.2">
      <c r="A47" s="77" t="s">
        <v>92</v>
      </c>
      <c r="B47" s="78"/>
      <c r="C47" s="62">
        <v>1364</v>
      </c>
      <c r="D47" s="62">
        <v>9028</v>
      </c>
      <c r="E47" s="62">
        <v>590401190</v>
      </c>
      <c r="F47" s="62">
        <v>99052</v>
      </c>
      <c r="G47" s="62">
        <v>150342</v>
      </c>
      <c r="H47" s="56">
        <v>849149290</v>
      </c>
      <c r="I47" s="64">
        <v>13099</v>
      </c>
      <c r="J47" s="62">
        <v>18999</v>
      </c>
      <c r="K47" s="62">
        <v>136616770</v>
      </c>
      <c r="L47" s="62">
        <v>113515</v>
      </c>
      <c r="M47" s="62">
        <v>178369</v>
      </c>
      <c r="N47" s="63">
        <v>1576167250</v>
      </c>
      <c r="O47" s="77" t="s">
        <v>92</v>
      </c>
      <c r="P47" s="78"/>
      <c r="Q47" s="62">
        <v>75873</v>
      </c>
      <c r="R47" s="62">
        <v>104836</v>
      </c>
      <c r="S47" s="55">
        <v>362927710</v>
      </c>
      <c r="T47" s="62">
        <v>1101</v>
      </c>
      <c r="U47" s="62">
        <v>17600</v>
      </c>
      <c r="V47" s="56">
        <v>11353573</v>
      </c>
      <c r="W47" s="64">
        <v>116</v>
      </c>
      <c r="X47" s="62">
        <v>675</v>
      </c>
      <c r="Y47" s="62">
        <v>8328720</v>
      </c>
      <c r="Z47" s="62">
        <v>189504</v>
      </c>
      <c r="AA47" s="63">
        <v>1958777253</v>
      </c>
      <c r="AB47" s="77" t="s">
        <v>92</v>
      </c>
      <c r="AC47" s="78"/>
      <c r="AD47" s="62">
        <v>5</v>
      </c>
      <c r="AE47" s="62">
        <v>424</v>
      </c>
      <c r="AF47" s="62">
        <v>7084270</v>
      </c>
      <c r="AG47" s="62">
        <v>0</v>
      </c>
      <c r="AH47" s="62">
        <v>0</v>
      </c>
      <c r="AI47" s="62">
        <v>0</v>
      </c>
      <c r="AJ47" s="62">
        <v>0</v>
      </c>
      <c r="AK47" s="62">
        <v>189933</v>
      </c>
      <c r="AL47" s="55">
        <v>1965861523</v>
      </c>
      <c r="AM47" s="62">
        <v>1568862776</v>
      </c>
      <c r="AN47" s="62">
        <v>98230833</v>
      </c>
      <c r="AO47" s="62">
        <v>298767914</v>
      </c>
      <c r="AP47" s="62">
        <v>471</v>
      </c>
      <c r="AQ47" s="63">
        <v>51163432</v>
      </c>
    </row>
    <row r="48" spans="1:43" s="7" customFormat="1" ht="12.75" customHeight="1" thickTop="1" thickBot="1" x14ac:dyDescent="0.2">
      <c r="A48" s="75" t="s">
        <v>93</v>
      </c>
      <c r="B48" s="76"/>
      <c r="C48" s="65">
        <v>9248</v>
      </c>
      <c r="D48" s="65">
        <v>67722</v>
      </c>
      <c r="E48" s="65">
        <v>4570405070</v>
      </c>
      <c r="F48" s="65">
        <v>628225</v>
      </c>
      <c r="G48" s="65">
        <v>944494</v>
      </c>
      <c r="H48" s="66">
        <v>5408412127</v>
      </c>
      <c r="I48" s="67">
        <v>84661</v>
      </c>
      <c r="J48" s="65">
        <v>124062</v>
      </c>
      <c r="K48" s="65">
        <v>893706940</v>
      </c>
      <c r="L48" s="67">
        <v>722134</v>
      </c>
      <c r="M48" s="67">
        <v>1136278</v>
      </c>
      <c r="N48" s="68">
        <v>10872524137</v>
      </c>
      <c r="O48" s="75" t="s">
        <v>93</v>
      </c>
      <c r="P48" s="76"/>
      <c r="Q48" s="69">
        <v>479632</v>
      </c>
      <c r="R48" s="69">
        <v>659666</v>
      </c>
      <c r="S48" s="69">
        <v>2321855100</v>
      </c>
      <c r="T48" s="69">
        <v>7444</v>
      </c>
      <c r="U48" s="69">
        <v>129777</v>
      </c>
      <c r="V48" s="70">
        <v>83459706</v>
      </c>
      <c r="W48" s="71">
        <v>806</v>
      </c>
      <c r="X48" s="69">
        <v>4361</v>
      </c>
      <c r="Y48" s="69">
        <v>54333620</v>
      </c>
      <c r="Z48" s="71">
        <v>1202572</v>
      </c>
      <c r="AA48" s="72">
        <v>13332172563</v>
      </c>
      <c r="AB48" s="75" t="s">
        <v>93</v>
      </c>
      <c r="AC48" s="76"/>
      <c r="AD48" s="69">
        <v>20</v>
      </c>
      <c r="AE48" s="69">
        <v>3714</v>
      </c>
      <c r="AF48" s="69">
        <v>56040189</v>
      </c>
      <c r="AG48" s="69">
        <v>192</v>
      </c>
      <c r="AH48" s="69">
        <v>3834642</v>
      </c>
      <c r="AI48" s="69">
        <v>2</v>
      </c>
      <c r="AJ48" s="73">
        <v>2302785</v>
      </c>
      <c r="AK48" s="69">
        <v>1206308</v>
      </c>
      <c r="AL48" s="71">
        <v>13390515537</v>
      </c>
      <c r="AM48" s="69">
        <v>10685991392</v>
      </c>
      <c r="AN48" s="69">
        <v>709409103</v>
      </c>
      <c r="AO48" s="73">
        <v>1995115042</v>
      </c>
      <c r="AP48" s="73">
        <v>6331</v>
      </c>
      <c r="AQ48" s="74">
        <v>561381726</v>
      </c>
    </row>
    <row r="49" spans="15:17" s="50" customFormat="1" ht="10.5" customHeight="1" x14ac:dyDescent="0.15">
      <c r="O49" s="50" t="s">
        <v>94</v>
      </c>
      <c r="Q49" s="2"/>
    </row>
  </sheetData>
  <mergeCells count="35">
    <mergeCell ref="A3:B6"/>
    <mergeCell ref="C3:N3"/>
    <mergeCell ref="O3:P6"/>
    <mergeCell ref="Q3:AA3"/>
    <mergeCell ref="AB3:AC6"/>
    <mergeCell ref="C5:E5"/>
    <mergeCell ref="F5:H5"/>
    <mergeCell ref="BB3:BB5"/>
    <mergeCell ref="Q4:S5"/>
    <mergeCell ref="T4:V5"/>
    <mergeCell ref="W4:Y5"/>
    <mergeCell ref="Z4:AA5"/>
    <mergeCell ref="AD4:AD5"/>
    <mergeCell ref="AD3:AJ3"/>
    <mergeCell ref="AE4:AH4"/>
    <mergeCell ref="AI4:AJ5"/>
    <mergeCell ref="AO5:AO6"/>
    <mergeCell ref="AK3:AL5"/>
    <mergeCell ref="AM3:AO4"/>
    <mergeCell ref="AR3:AS6"/>
    <mergeCell ref="AT3:BA4"/>
    <mergeCell ref="I5:K5"/>
    <mergeCell ref="L5:N5"/>
    <mergeCell ref="AG5:AH5"/>
    <mergeCell ref="AM5:AM6"/>
    <mergeCell ref="AN5:AN6"/>
    <mergeCell ref="A48:B48"/>
    <mergeCell ref="O48:P48"/>
    <mergeCell ref="AB48:AC48"/>
    <mergeCell ref="A40:B40"/>
    <mergeCell ref="O40:P40"/>
    <mergeCell ref="AB40:AC40"/>
    <mergeCell ref="A47:B47"/>
    <mergeCell ref="O47:P47"/>
    <mergeCell ref="AB47:AC47"/>
  </mergeCells>
  <phoneticPr fontId="2"/>
  <pageMargins left="0.7" right="0.7" top="0.75" bottom="0.75" header="0.3" footer="0.3"/>
  <pageSetup paperSize="9" scale="82" orientation="landscape" blackAndWhite="1" r:id="rId1"/>
  <headerFooter alignWithMargins="0"/>
  <colBreaks count="2" manualBreakCount="2">
    <brk id="14" max="48" man="1"/>
    <brk id="27" max="4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5表9～11</vt:lpstr>
      <vt:lpstr>'第15表9～11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6:46:47Z</cp:lastPrinted>
  <dcterms:created xsi:type="dcterms:W3CDTF">2018-03-07T05:52:16Z</dcterms:created>
  <dcterms:modified xsi:type="dcterms:W3CDTF">2018-03-08T06:49:38Z</dcterms:modified>
</cp:coreProperties>
</file>